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1章 福祉\"/>
    </mc:Choice>
  </mc:AlternateContent>
  <xr:revisionPtr revIDLastSave="0" documentId="13_ncr:1_{E34832A4-A8D9-473E-899D-6A8FC994BF8F}" xr6:coauthVersionLast="44" xr6:coauthVersionMax="44" xr10:uidLastSave="{00000000-0000-0000-0000-000000000000}"/>
  <bookViews>
    <workbookView xWindow="-108" yWindow="-108" windowWidth="23256" windowHeight="12576" tabRatio="602" xr2:uid="{00000000-000D-0000-FFFF-FFFF00000000}"/>
  </bookViews>
  <sheets>
    <sheet name="５高齢化推移" sheetId="22" r:id="rId1"/>
  </sheets>
  <definedNames>
    <definedName name="_xlnm._FilterDatabase" localSheetId="0" hidden="1">'５高齢化推移'!$A$5:$CU$158</definedName>
    <definedName name="_xlnm.Print_Area" localSheetId="0">'５高齢化推移'!$A$1:$DS$158</definedName>
    <definedName name="_xlnm.Print_Titles" localSheetId="0">'５高齢化推移'!$A:$C,'５高齢化推移'!$1:$5</definedName>
    <definedName name="tblDOUTAIwk_T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M158" i="22" l="1"/>
  <c r="DL158" i="22"/>
  <c r="DM157" i="22"/>
  <c r="DL157" i="22"/>
  <c r="DM156" i="22"/>
  <c r="DL156" i="22"/>
  <c r="DM155" i="22"/>
  <c r="DL155" i="22"/>
  <c r="DM154" i="22"/>
  <c r="DL154" i="22"/>
  <c r="DM153" i="22"/>
  <c r="DL153" i="22"/>
  <c r="DM152" i="22"/>
  <c r="DL152" i="22"/>
  <c r="DM151" i="22"/>
  <c r="DL151" i="22"/>
  <c r="DM150" i="22"/>
  <c r="DL150" i="22"/>
  <c r="DM149" i="22"/>
  <c r="DL149" i="22"/>
  <c r="DM148" i="22"/>
  <c r="DL148" i="22"/>
  <c r="DM147" i="22"/>
  <c r="DL147" i="22"/>
  <c r="DM146" i="22"/>
  <c r="DL146" i="22"/>
  <c r="DM145" i="22"/>
  <c r="DL145" i="22"/>
  <c r="DM144" i="22"/>
  <c r="DL144" i="22"/>
  <c r="DM143" i="22"/>
  <c r="DL143" i="22"/>
  <c r="DM142" i="22"/>
  <c r="DL142" i="22"/>
  <c r="DM141" i="22"/>
  <c r="DL141" i="22"/>
  <c r="DM140" i="22"/>
  <c r="DL140" i="22"/>
  <c r="DM139" i="22"/>
  <c r="DL139" i="22"/>
  <c r="DM138" i="22"/>
  <c r="DL138" i="22"/>
  <c r="DM137" i="22"/>
  <c r="DL137" i="22"/>
  <c r="DM136" i="22"/>
  <c r="DL136" i="22"/>
  <c r="DM135" i="22"/>
  <c r="DL135" i="22"/>
  <c r="DM134" i="22"/>
  <c r="DL134" i="22"/>
  <c r="DM133" i="22"/>
  <c r="DL133" i="22"/>
  <c r="DM132" i="22"/>
  <c r="DL132" i="22"/>
  <c r="DM131" i="22"/>
  <c r="DL131" i="22"/>
  <c r="DM130" i="22"/>
  <c r="DL130" i="22"/>
  <c r="DM129" i="22"/>
  <c r="DL129" i="22"/>
  <c r="DM128" i="22"/>
  <c r="DL128" i="22"/>
  <c r="DM127" i="22"/>
  <c r="DL127" i="22"/>
  <c r="DM126" i="22"/>
  <c r="DL126" i="22"/>
  <c r="DM125" i="22"/>
  <c r="DL125" i="22"/>
  <c r="DM124" i="22"/>
  <c r="DL124" i="22"/>
  <c r="DM123" i="22"/>
  <c r="DL123" i="22"/>
  <c r="DM122" i="22"/>
  <c r="DL122" i="22"/>
  <c r="DM121" i="22"/>
  <c r="DL121" i="22"/>
  <c r="DM120" i="22"/>
  <c r="DL120" i="22"/>
  <c r="DM119" i="22"/>
  <c r="DL119" i="22"/>
  <c r="DM118" i="22"/>
  <c r="DL118" i="22"/>
  <c r="DM117" i="22"/>
  <c r="DL117" i="22"/>
  <c r="DM116" i="22"/>
  <c r="DL116" i="22"/>
  <c r="DM115" i="22"/>
  <c r="DL115" i="22"/>
  <c r="DM114" i="22"/>
  <c r="DL114" i="22"/>
  <c r="DM113" i="22"/>
  <c r="DL113" i="22"/>
  <c r="DM112" i="22"/>
  <c r="DL112" i="22"/>
  <c r="DM111" i="22"/>
  <c r="DL111" i="22"/>
  <c r="DM110" i="22"/>
  <c r="DL110" i="22"/>
  <c r="DM109" i="22"/>
  <c r="DL109" i="22"/>
  <c r="DM108" i="22"/>
  <c r="DL108" i="22"/>
  <c r="DM107" i="22"/>
  <c r="DL107" i="22"/>
  <c r="DM106" i="22"/>
  <c r="DL106" i="22"/>
  <c r="DM105" i="22"/>
  <c r="DL105" i="22"/>
  <c r="DM104" i="22"/>
  <c r="DL104" i="22"/>
  <c r="DM103" i="22"/>
  <c r="DL103" i="22"/>
  <c r="DM102" i="22"/>
  <c r="DL102" i="22"/>
  <c r="DM101" i="22"/>
  <c r="DL101" i="22"/>
  <c r="DM100" i="22"/>
  <c r="DL100" i="22"/>
  <c r="DM99" i="22"/>
  <c r="DL99" i="22"/>
  <c r="DM98" i="22"/>
  <c r="DL98" i="22"/>
  <c r="DM97" i="22"/>
  <c r="DL97" i="22"/>
  <c r="DM96" i="22"/>
  <c r="DL96" i="22"/>
  <c r="DM95" i="22"/>
  <c r="DL95" i="22"/>
  <c r="DM94" i="22"/>
  <c r="DL94" i="22"/>
  <c r="DM93" i="22"/>
  <c r="DL93" i="22"/>
  <c r="DM92" i="22"/>
  <c r="DL92" i="22"/>
  <c r="DM91" i="22"/>
  <c r="DL91" i="22"/>
  <c r="DM90" i="22"/>
  <c r="DL90" i="22"/>
  <c r="DM89" i="22"/>
  <c r="DL89" i="22"/>
  <c r="DM88" i="22"/>
  <c r="DL88" i="22"/>
  <c r="DM87" i="22"/>
  <c r="DL87" i="22"/>
  <c r="DM86" i="22"/>
  <c r="DL86" i="22"/>
  <c r="DM85" i="22"/>
  <c r="DL85" i="22"/>
  <c r="DM84" i="22"/>
  <c r="DL84" i="22"/>
  <c r="DM83" i="22"/>
  <c r="DL83" i="22"/>
  <c r="DM82" i="22"/>
  <c r="DL82" i="22"/>
  <c r="DM81" i="22"/>
  <c r="DL81" i="22"/>
  <c r="DM80" i="22"/>
  <c r="DL80" i="22"/>
  <c r="DM79" i="22"/>
  <c r="DL79" i="22"/>
  <c r="DM78" i="22"/>
  <c r="DL78" i="22"/>
  <c r="DM77" i="22"/>
  <c r="DL77" i="22"/>
  <c r="DM76" i="22"/>
  <c r="DL76" i="22"/>
  <c r="DM75" i="22"/>
  <c r="DL75" i="22"/>
  <c r="DM74" i="22"/>
  <c r="DL74" i="22"/>
  <c r="DM73" i="22"/>
  <c r="DL73" i="22"/>
  <c r="DM72" i="22"/>
  <c r="DL72" i="22"/>
  <c r="DM71" i="22"/>
  <c r="DL71" i="22"/>
  <c r="DM70" i="22"/>
  <c r="DL70" i="22"/>
  <c r="DM69" i="22"/>
  <c r="DL69" i="22"/>
  <c r="DM68" i="22"/>
  <c r="DL68" i="22"/>
  <c r="DM67" i="22"/>
  <c r="DL67" i="22"/>
  <c r="DM66" i="22"/>
  <c r="DL66" i="22"/>
  <c r="DM65" i="22"/>
  <c r="DL65" i="22"/>
  <c r="DM64" i="22"/>
  <c r="DL64" i="22"/>
  <c r="DM63" i="22"/>
  <c r="DL63" i="22"/>
  <c r="DM62" i="22"/>
  <c r="DL62" i="22"/>
  <c r="DM61" i="22"/>
  <c r="DL61" i="22"/>
  <c r="DM60" i="22"/>
  <c r="DL60" i="22"/>
  <c r="DM59" i="22"/>
  <c r="DL59" i="22"/>
  <c r="DM58" i="22"/>
  <c r="DL58" i="22"/>
  <c r="DM57" i="22"/>
  <c r="DL57" i="22"/>
  <c r="DM56" i="22"/>
  <c r="DL56" i="22"/>
  <c r="DM55" i="22"/>
  <c r="DL55" i="22"/>
  <c r="DM54" i="22"/>
  <c r="DL54" i="22"/>
  <c r="DM53" i="22"/>
  <c r="DL53" i="22"/>
  <c r="DM52" i="22"/>
  <c r="DL52" i="22"/>
  <c r="DM51" i="22"/>
  <c r="DL51" i="22"/>
  <c r="DM50" i="22"/>
  <c r="DL50" i="22"/>
  <c r="DM49" i="22"/>
  <c r="DL49" i="22"/>
  <c r="DM48" i="22"/>
  <c r="DL48" i="22"/>
  <c r="DM47" i="22"/>
  <c r="DL47" i="22"/>
  <c r="DM46" i="22"/>
  <c r="DL46" i="22"/>
  <c r="DM45" i="22"/>
  <c r="DL45" i="22"/>
  <c r="DM44" i="22"/>
  <c r="DL44" i="22"/>
  <c r="DM43" i="22"/>
  <c r="DL43" i="22"/>
  <c r="DM42" i="22"/>
  <c r="DL42" i="22"/>
  <c r="DM41" i="22"/>
  <c r="DL41" i="22"/>
  <c r="DM40" i="22"/>
  <c r="DL40" i="22"/>
  <c r="DM39" i="22"/>
  <c r="DL39" i="22"/>
  <c r="DM38" i="22"/>
  <c r="DL38" i="22"/>
  <c r="DM37" i="22"/>
  <c r="DL37" i="22"/>
  <c r="DM36" i="22"/>
  <c r="DL36" i="22"/>
  <c r="DM35" i="22"/>
  <c r="DL35" i="22"/>
  <c r="DM34" i="22"/>
  <c r="DL34" i="22"/>
  <c r="DM33" i="22"/>
  <c r="DL33" i="22"/>
  <c r="DM32" i="22"/>
  <c r="DL32" i="22"/>
  <c r="DM31" i="22"/>
  <c r="DL31" i="22"/>
  <c r="DM30" i="22"/>
  <c r="DL30" i="22"/>
  <c r="DM29" i="22"/>
  <c r="DL29" i="22"/>
  <c r="DM28" i="22"/>
  <c r="DL28" i="22"/>
  <c r="DM27" i="22"/>
  <c r="DL27" i="22"/>
  <c r="DM26" i="22"/>
  <c r="DL26" i="22"/>
  <c r="DM25" i="22"/>
  <c r="DL25" i="22"/>
  <c r="DM24" i="22"/>
  <c r="DL24" i="22"/>
  <c r="DM23" i="22"/>
  <c r="DL23" i="22"/>
  <c r="DM22" i="22"/>
  <c r="DL22" i="22"/>
  <c r="DM21" i="22"/>
  <c r="DL21" i="22"/>
  <c r="DM20" i="22"/>
  <c r="DL20" i="22"/>
  <c r="DM19" i="22"/>
  <c r="DL19" i="22"/>
  <c r="DM18" i="22"/>
  <c r="DL18" i="22"/>
  <c r="DM17" i="22"/>
  <c r="DL17" i="22"/>
  <c r="DM16" i="22"/>
  <c r="DL16" i="22"/>
  <c r="DM15" i="22"/>
  <c r="DL15" i="22"/>
  <c r="DM14" i="22"/>
  <c r="DL14" i="22"/>
  <c r="DM13" i="22"/>
  <c r="DL13" i="22"/>
  <c r="DM12" i="22"/>
  <c r="DL12" i="22"/>
  <c r="DM11" i="22"/>
  <c r="DL11" i="22"/>
  <c r="DM10" i="22"/>
  <c r="DL10" i="22"/>
  <c r="DM9" i="22"/>
  <c r="DL9" i="22"/>
  <c r="DM8" i="22"/>
  <c r="DL8" i="22"/>
  <c r="DM7" i="22"/>
  <c r="DL7" i="22"/>
  <c r="DM6" i="22"/>
  <c r="DL6" i="22"/>
  <c r="DS7" i="22" l="1"/>
  <c r="DS8" i="22"/>
  <c r="DS9" i="22"/>
  <c r="DS10" i="22"/>
  <c r="DS11" i="22"/>
  <c r="DS12" i="22"/>
  <c r="DS13" i="22"/>
  <c r="DS14" i="22"/>
  <c r="DS15" i="22"/>
  <c r="DS16" i="22"/>
  <c r="DS17" i="22"/>
  <c r="DS18" i="22"/>
  <c r="DS19" i="22"/>
  <c r="DS20" i="22"/>
  <c r="DS21" i="22"/>
  <c r="DS22" i="22"/>
  <c r="DS23" i="22"/>
  <c r="DS24" i="22"/>
  <c r="DS25" i="22"/>
  <c r="DS26" i="22"/>
  <c r="DS27" i="22"/>
  <c r="DS28" i="22"/>
  <c r="DS29" i="22"/>
  <c r="DS30" i="22"/>
  <c r="DS31" i="22"/>
  <c r="DS32" i="22"/>
  <c r="DS33" i="22"/>
  <c r="DS34" i="22"/>
  <c r="DS35" i="22"/>
  <c r="DS36" i="22"/>
  <c r="DS37" i="22"/>
  <c r="DS38" i="22"/>
  <c r="DS39" i="22"/>
  <c r="DS40" i="22"/>
  <c r="DS41" i="22"/>
  <c r="DS42" i="22"/>
  <c r="DS43" i="22"/>
  <c r="DS44" i="22"/>
  <c r="DS45" i="22"/>
  <c r="DS46" i="22"/>
  <c r="DS47" i="22"/>
  <c r="DS48" i="22"/>
  <c r="DS49" i="22"/>
  <c r="DS50" i="22"/>
  <c r="DS51" i="22"/>
  <c r="DS52" i="22"/>
  <c r="DS53" i="22"/>
  <c r="DS54" i="22"/>
  <c r="DS55" i="22"/>
  <c r="DS56" i="22"/>
  <c r="DS57" i="22"/>
  <c r="DS58" i="22"/>
  <c r="DS59" i="22"/>
  <c r="DS60" i="22"/>
  <c r="DS61" i="22"/>
  <c r="DS62" i="22"/>
  <c r="DS63" i="22"/>
  <c r="DS64" i="22"/>
  <c r="DS65" i="22"/>
  <c r="DS66" i="22"/>
  <c r="DS67" i="22"/>
  <c r="DS68" i="22"/>
  <c r="DS69" i="22"/>
  <c r="DS70" i="22"/>
  <c r="DS71" i="22"/>
  <c r="DS72" i="22"/>
  <c r="DS73" i="22"/>
  <c r="DS74" i="22"/>
  <c r="DS75" i="22"/>
  <c r="DS76" i="22"/>
  <c r="DS77" i="22"/>
  <c r="DS78" i="22"/>
  <c r="DS79" i="22"/>
  <c r="DS80" i="22"/>
  <c r="DS81" i="22"/>
  <c r="DS82" i="22"/>
  <c r="DS83" i="22"/>
  <c r="DS84" i="22"/>
  <c r="DS85" i="22"/>
  <c r="DS86" i="22"/>
  <c r="DS87" i="22"/>
  <c r="DS88" i="22"/>
  <c r="DS89" i="22"/>
  <c r="DS90" i="22"/>
  <c r="DS91" i="22"/>
  <c r="DS92" i="22"/>
  <c r="DS93" i="22"/>
  <c r="DS94" i="22"/>
  <c r="DS95" i="22"/>
  <c r="DS96" i="22"/>
  <c r="DS97" i="22"/>
  <c r="DS98" i="22"/>
  <c r="DS99" i="22"/>
  <c r="DS100" i="22"/>
  <c r="DS101" i="22"/>
  <c r="DS102" i="22"/>
  <c r="DS103" i="22"/>
  <c r="DS104" i="22"/>
  <c r="DS105" i="22"/>
  <c r="DS106" i="22"/>
  <c r="DS107" i="22"/>
  <c r="DS108" i="22"/>
  <c r="DS109" i="22"/>
  <c r="DS110" i="22"/>
  <c r="DS111" i="22"/>
  <c r="DS112" i="22"/>
  <c r="DS113" i="22"/>
  <c r="DS114" i="22"/>
  <c r="DS115" i="22"/>
  <c r="DS116" i="22"/>
  <c r="DS117" i="22"/>
  <c r="DS118" i="22"/>
  <c r="DS119" i="22"/>
  <c r="DS120" i="22"/>
  <c r="DS121" i="22"/>
  <c r="DS122" i="22"/>
  <c r="DS123" i="22"/>
  <c r="DS124" i="22"/>
  <c r="DS125" i="22"/>
  <c r="DS126" i="22"/>
  <c r="DS127" i="22"/>
  <c r="DS128" i="22"/>
  <c r="DS129" i="22"/>
  <c r="DS130" i="22"/>
  <c r="DS131" i="22"/>
  <c r="DS132" i="22"/>
  <c r="DS133" i="22"/>
  <c r="DS134" i="22"/>
  <c r="DS135" i="22"/>
  <c r="DS136" i="22"/>
  <c r="DS137" i="22"/>
  <c r="DS138" i="22"/>
  <c r="DS139" i="22"/>
  <c r="DS140" i="22"/>
  <c r="DS141" i="22"/>
  <c r="DS142" i="22"/>
  <c r="DS143" i="22"/>
  <c r="DS144" i="22"/>
  <c r="DS145" i="22"/>
  <c r="DS146" i="22"/>
  <c r="DS147" i="22"/>
  <c r="DS148" i="22"/>
  <c r="DS149" i="22"/>
  <c r="DS150" i="22"/>
  <c r="DS151" i="22"/>
  <c r="DS152" i="22"/>
  <c r="DS153" i="22"/>
  <c r="DS154" i="22"/>
  <c r="DS155" i="22"/>
  <c r="DS156" i="22"/>
  <c r="DS157" i="22"/>
  <c r="DS158" i="22"/>
  <c r="DS6" i="22"/>
  <c r="DR7" i="22"/>
  <c r="DR8" i="22"/>
  <c r="DR9" i="22"/>
  <c r="DR10" i="22"/>
  <c r="DR11" i="22"/>
  <c r="DR12" i="22"/>
  <c r="DR13" i="22"/>
  <c r="DR14" i="22"/>
  <c r="DR15" i="22"/>
  <c r="DR16" i="22"/>
  <c r="DR17" i="22"/>
  <c r="DR18" i="22"/>
  <c r="DR19" i="22"/>
  <c r="DR20" i="22"/>
  <c r="DR21" i="22"/>
  <c r="DR22" i="22"/>
  <c r="DR23" i="22"/>
  <c r="DR24" i="22"/>
  <c r="DR25" i="22"/>
  <c r="DR26" i="22"/>
  <c r="DR27" i="22"/>
  <c r="DR28" i="22"/>
  <c r="DR29" i="22"/>
  <c r="DR30" i="22"/>
  <c r="DR31" i="22"/>
  <c r="DR32" i="22"/>
  <c r="DR33" i="22"/>
  <c r="DR34" i="22"/>
  <c r="DR35" i="22"/>
  <c r="DR36" i="22"/>
  <c r="DR37" i="22"/>
  <c r="DR38" i="22"/>
  <c r="DR39" i="22"/>
  <c r="DR40" i="22"/>
  <c r="DR41" i="22"/>
  <c r="DR42" i="22"/>
  <c r="DR43" i="22"/>
  <c r="DR44" i="22"/>
  <c r="DR45" i="22"/>
  <c r="DR46" i="22"/>
  <c r="DR47" i="22"/>
  <c r="DR48" i="22"/>
  <c r="DR49" i="22"/>
  <c r="DR50" i="22"/>
  <c r="DR51" i="22"/>
  <c r="DR52" i="22"/>
  <c r="DR53" i="22"/>
  <c r="DR54" i="22"/>
  <c r="DR55" i="22"/>
  <c r="DR56" i="22"/>
  <c r="DR57" i="22"/>
  <c r="DR58" i="22"/>
  <c r="DR59" i="22"/>
  <c r="DR60" i="22"/>
  <c r="DR61" i="22"/>
  <c r="DR62" i="22"/>
  <c r="DR63" i="22"/>
  <c r="DR64" i="22"/>
  <c r="DR65" i="22"/>
  <c r="DR66" i="22"/>
  <c r="DR67" i="22"/>
  <c r="DR68" i="22"/>
  <c r="DR69" i="22"/>
  <c r="DR70" i="22"/>
  <c r="DR71" i="22"/>
  <c r="DR72" i="22"/>
  <c r="DR73" i="22"/>
  <c r="DR74" i="22"/>
  <c r="DR75" i="22"/>
  <c r="DR76" i="22"/>
  <c r="DR77" i="22"/>
  <c r="DR78" i="22"/>
  <c r="DR79" i="22"/>
  <c r="DR80" i="22"/>
  <c r="DR81" i="22"/>
  <c r="DR82" i="22"/>
  <c r="DR83" i="22"/>
  <c r="DR84" i="22"/>
  <c r="DR85" i="22"/>
  <c r="DR86" i="22"/>
  <c r="DR87" i="22"/>
  <c r="DR88" i="22"/>
  <c r="DR89" i="22"/>
  <c r="DR90" i="22"/>
  <c r="DR91" i="22"/>
  <c r="DR92" i="22"/>
  <c r="DR93" i="22"/>
  <c r="DR94" i="22"/>
  <c r="DR95" i="22"/>
  <c r="DR96" i="22"/>
  <c r="DR97" i="22"/>
  <c r="DR98" i="22"/>
  <c r="DR99" i="22"/>
  <c r="DR100" i="22"/>
  <c r="DR101" i="22"/>
  <c r="DR102" i="22"/>
  <c r="DR103" i="22"/>
  <c r="DR104" i="22"/>
  <c r="DR105" i="22"/>
  <c r="DR106" i="22"/>
  <c r="DR107" i="22"/>
  <c r="DR108" i="22"/>
  <c r="DR109" i="22"/>
  <c r="DR110" i="22"/>
  <c r="DR111" i="22"/>
  <c r="DR112" i="22"/>
  <c r="DR113" i="22"/>
  <c r="DR114" i="22"/>
  <c r="DR115" i="22"/>
  <c r="DR116" i="22"/>
  <c r="DR117" i="22"/>
  <c r="DR118" i="22"/>
  <c r="DR119" i="22"/>
  <c r="DR120" i="22"/>
  <c r="DR121" i="22"/>
  <c r="DR122" i="22"/>
  <c r="DR123" i="22"/>
  <c r="DR124" i="22"/>
  <c r="DR125" i="22"/>
  <c r="DR126" i="22"/>
  <c r="DR127" i="22"/>
  <c r="DR128" i="22"/>
  <c r="DR129" i="22"/>
  <c r="DR130" i="22"/>
  <c r="DR131" i="22"/>
  <c r="DR132" i="22"/>
  <c r="DR133" i="22"/>
  <c r="DR134" i="22"/>
  <c r="DR135" i="22"/>
  <c r="DR136" i="22"/>
  <c r="DR137" i="22"/>
  <c r="DR138" i="22"/>
  <c r="DR139" i="22"/>
  <c r="DR140" i="22"/>
  <c r="DR141" i="22"/>
  <c r="DR142" i="22"/>
  <c r="DR143" i="22"/>
  <c r="DR144" i="22"/>
  <c r="DR145" i="22"/>
  <c r="DR146" i="22"/>
  <c r="DR147" i="22"/>
  <c r="DR148" i="22"/>
  <c r="DR149" i="22"/>
  <c r="DR150" i="22"/>
  <c r="DR151" i="22"/>
  <c r="DR152" i="22"/>
  <c r="DR153" i="22"/>
  <c r="DR154" i="22"/>
  <c r="DR155" i="22"/>
  <c r="DR156" i="22"/>
  <c r="DR157" i="22"/>
  <c r="DR158" i="22"/>
  <c r="DR6" i="22"/>
  <c r="DA158" i="22" l="1"/>
  <c r="CZ158" i="22"/>
  <c r="DA157" i="22"/>
  <c r="CZ157" i="22"/>
  <c r="DA156" i="22"/>
  <c r="CZ156" i="22"/>
  <c r="DA155" i="22"/>
  <c r="CZ155" i="22"/>
  <c r="DA154" i="22"/>
  <c r="CZ154" i="22"/>
  <c r="DA153" i="22"/>
  <c r="CZ153" i="22"/>
  <c r="DA152" i="22"/>
  <c r="CZ152" i="22"/>
  <c r="DA151" i="22"/>
  <c r="CZ151" i="22"/>
  <c r="DA150" i="22"/>
  <c r="CZ150" i="22"/>
  <c r="DA149" i="22"/>
  <c r="CZ149" i="22"/>
  <c r="DA148" i="22"/>
  <c r="CZ148" i="22"/>
  <c r="DA147" i="22"/>
  <c r="CZ147" i="22"/>
  <c r="DA146" i="22"/>
  <c r="CZ146" i="22"/>
  <c r="DA145" i="22"/>
  <c r="CZ145" i="22"/>
  <c r="DA144" i="22"/>
  <c r="CZ144" i="22"/>
  <c r="DA143" i="22"/>
  <c r="CZ143" i="22"/>
  <c r="DA142" i="22"/>
  <c r="CZ142" i="22"/>
  <c r="DA141" i="22"/>
  <c r="CZ141" i="22"/>
  <c r="DA140" i="22"/>
  <c r="CZ140" i="22"/>
  <c r="DA139" i="22"/>
  <c r="CZ139" i="22"/>
  <c r="DA138" i="22"/>
  <c r="CZ138" i="22"/>
  <c r="DA137" i="22"/>
  <c r="CZ137" i="22"/>
  <c r="DA136" i="22"/>
  <c r="CZ136" i="22"/>
  <c r="DA135" i="22"/>
  <c r="CZ135" i="22"/>
  <c r="DA134" i="22"/>
  <c r="CZ134" i="22"/>
  <c r="DA133" i="22"/>
  <c r="CZ133" i="22"/>
  <c r="DA132" i="22"/>
  <c r="CZ132" i="22"/>
  <c r="DA131" i="22"/>
  <c r="CZ131" i="22"/>
  <c r="DA130" i="22"/>
  <c r="CZ130" i="22"/>
  <c r="DA129" i="22"/>
  <c r="CZ129" i="22"/>
  <c r="DA128" i="22"/>
  <c r="CZ128" i="22"/>
  <c r="DA127" i="22"/>
  <c r="CZ127" i="22"/>
  <c r="DA126" i="22"/>
  <c r="CZ126" i="22"/>
  <c r="DA125" i="22"/>
  <c r="CZ125" i="22"/>
  <c r="DA124" i="22"/>
  <c r="CZ124" i="22"/>
  <c r="DA123" i="22"/>
  <c r="CZ123" i="22"/>
  <c r="DA122" i="22"/>
  <c r="CZ122" i="22"/>
  <c r="DA121" i="22"/>
  <c r="CZ121" i="22"/>
  <c r="DA120" i="22"/>
  <c r="CZ120" i="22"/>
  <c r="DA119" i="22"/>
  <c r="CZ119" i="22"/>
  <c r="DA118" i="22"/>
  <c r="CZ118" i="22"/>
  <c r="DA117" i="22"/>
  <c r="CZ117" i="22"/>
  <c r="DA116" i="22"/>
  <c r="CZ116" i="22"/>
  <c r="DA115" i="22"/>
  <c r="CZ115" i="22"/>
  <c r="DA114" i="22"/>
  <c r="CZ114" i="22"/>
  <c r="DA113" i="22"/>
  <c r="CZ113" i="22"/>
  <c r="DA112" i="22"/>
  <c r="CZ112" i="22"/>
  <c r="DA111" i="22"/>
  <c r="CZ111" i="22"/>
  <c r="DA110" i="22"/>
  <c r="CZ110" i="22"/>
  <c r="DA109" i="22"/>
  <c r="CZ109" i="22"/>
  <c r="DA108" i="22"/>
  <c r="CZ108" i="22"/>
  <c r="DA107" i="22"/>
  <c r="CZ107" i="22"/>
  <c r="DA106" i="22"/>
  <c r="CZ106" i="22"/>
  <c r="DA105" i="22"/>
  <c r="CZ105" i="22"/>
  <c r="DA104" i="22"/>
  <c r="CZ104" i="22"/>
  <c r="DA103" i="22"/>
  <c r="CZ103" i="22"/>
  <c r="DA102" i="22"/>
  <c r="CZ102" i="22"/>
  <c r="DA101" i="22"/>
  <c r="CZ101" i="22"/>
  <c r="DA100" i="22"/>
  <c r="CZ100" i="22"/>
  <c r="DA99" i="22"/>
  <c r="CZ99" i="22"/>
  <c r="DA98" i="22"/>
  <c r="CZ98" i="22"/>
  <c r="DA97" i="22"/>
  <c r="CZ97" i="22"/>
  <c r="DA96" i="22"/>
  <c r="CZ96" i="22"/>
  <c r="DA95" i="22"/>
  <c r="CZ95" i="22"/>
  <c r="DA94" i="22"/>
  <c r="CZ94" i="22"/>
  <c r="DA93" i="22"/>
  <c r="CZ93" i="22"/>
  <c r="DA92" i="22"/>
  <c r="CZ92" i="22"/>
  <c r="DA91" i="22"/>
  <c r="CZ91" i="22"/>
  <c r="DA90" i="22"/>
  <c r="CZ90" i="22"/>
  <c r="DA89" i="22"/>
  <c r="CZ89" i="22"/>
  <c r="DA88" i="22"/>
  <c r="CZ88" i="22"/>
  <c r="DA87" i="22"/>
  <c r="CZ87" i="22"/>
  <c r="DA86" i="22"/>
  <c r="CZ86" i="22"/>
  <c r="DA85" i="22"/>
  <c r="CZ85" i="22"/>
  <c r="DA84" i="22"/>
  <c r="CZ84" i="22"/>
  <c r="DA83" i="22"/>
  <c r="CZ83" i="22"/>
  <c r="DA82" i="22"/>
  <c r="CZ82" i="22"/>
  <c r="DA81" i="22"/>
  <c r="CZ81" i="22"/>
  <c r="DA80" i="22"/>
  <c r="CZ80" i="22"/>
  <c r="DA79" i="22"/>
  <c r="CZ79" i="22"/>
  <c r="DA78" i="22"/>
  <c r="CZ78" i="22"/>
  <c r="DA77" i="22"/>
  <c r="CZ77" i="22"/>
  <c r="DA76" i="22"/>
  <c r="CZ76" i="22"/>
  <c r="DA75" i="22"/>
  <c r="CZ75" i="22"/>
  <c r="DA74" i="22"/>
  <c r="CZ74" i="22"/>
  <c r="DA73" i="22"/>
  <c r="CZ73" i="22"/>
  <c r="DA72" i="22"/>
  <c r="CZ72" i="22"/>
  <c r="DA71" i="22"/>
  <c r="CZ71" i="22"/>
  <c r="DA70" i="22"/>
  <c r="CZ70" i="22"/>
  <c r="DA69" i="22"/>
  <c r="CZ69" i="22"/>
  <c r="DA68" i="22"/>
  <c r="CZ68" i="22"/>
  <c r="DA67" i="22"/>
  <c r="CZ67" i="22"/>
  <c r="DA66" i="22"/>
  <c r="CZ66" i="22"/>
  <c r="DA65" i="22"/>
  <c r="CZ65" i="22"/>
  <c r="DA64" i="22"/>
  <c r="CZ64" i="22"/>
  <c r="DA63" i="22"/>
  <c r="CZ63" i="22"/>
  <c r="DA62" i="22"/>
  <c r="CZ62" i="22"/>
  <c r="DA61" i="22"/>
  <c r="CZ61" i="22"/>
  <c r="DA60" i="22"/>
  <c r="CZ60" i="22"/>
  <c r="DA59" i="22"/>
  <c r="CZ59" i="22"/>
  <c r="DA58" i="22"/>
  <c r="CZ58" i="22"/>
  <c r="DA57" i="22"/>
  <c r="CZ57" i="22"/>
  <c r="DA56" i="22"/>
  <c r="CZ56" i="22"/>
  <c r="DA55" i="22"/>
  <c r="CZ55" i="22"/>
  <c r="DA54" i="22"/>
  <c r="CZ54" i="22"/>
  <c r="DA53" i="22"/>
  <c r="CZ53" i="22"/>
  <c r="DA52" i="22"/>
  <c r="CZ52" i="22"/>
  <c r="DA51" i="22"/>
  <c r="CZ51" i="22"/>
  <c r="DA50" i="22"/>
  <c r="CZ50" i="22"/>
  <c r="DA49" i="22"/>
  <c r="CZ49" i="22"/>
  <c r="DA48" i="22"/>
  <c r="CZ48" i="22"/>
  <c r="DA47" i="22"/>
  <c r="CZ47" i="22"/>
  <c r="DA46" i="22"/>
  <c r="CZ46" i="22"/>
  <c r="DA45" i="22"/>
  <c r="CZ45" i="22"/>
  <c r="DA44" i="22"/>
  <c r="CZ44" i="22"/>
  <c r="DA43" i="22"/>
  <c r="CZ43" i="22"/>
  <c r="DA42" i="22"/>
  <c r="CZ42" i="22"/>
  <c r="DA41" i="22"/>
  <c r="CZ41" i="22"/>
  <c r="DA40" i="22"/>
  <c r="CZ40" i="22"/>
  <c r="DA39" i="22"/>
  <c r="CZ39" i="22"/>
  <c r="DA38" i="22"/>
  <c r="CZ38" i="22"/>
  <c r="DA37" i="22"/>
  <c r="CZ37" i="22"/>
  <c r="DA36" i="22"/>
  <c r="CZ36" i="22"/>
  <c r="DA35" i="22"/>
  <c r="CZ35" i="22"/>
  <c r="DA34" i="22"/>
  <c r="CZ34" i="22"/>
  <c r="DA33" i="22"/>
  <c r="CZ33" i="22"/>
  <c r="DA32" i="22"/>
  <c r="CZ32" i="22"/>
  <c r="DA31" i="22"/>
  <c r="CZ31" i="22"/>
  <c r="DA30" i="22"/>
  <c r="CZ30" i="22"/>
  <c r="DA29" i="22"/>
  <c r="CZ29" i="22"/>
  <c r="DA28" i="22"/>
  <c r="CZ28" i="22"/>
  <c r="DA27" i="22"/>
  <c r="CZ27" i="22"/>
  <c r="DA26" i="22"/>
  <c r="CZ26" i="22"/>
  <c r="DA25" i="22"/>
  <c r="CZ25" i="22"/>
  <c r="DA24" i="22"/>
  <c r="CZ24" i="22"/>
  <c r="DA23" i="22"/>
  <c r="CZ23" i="22"/>
  <c r="DA22" i="22"/>
  <c r="CZ22" i="22"/>
  <c r="DA21" i="22"/>
  <c r="CZ21" i="22"/>
  <c r="DA20" i="22"/>
  <c r="CZ20" i="22"/>
  <c r="DA19" i="22"/>
  <c r="CZ19" i="22"/>
  <c r="DA18" i="22"/>
  <c r="CZ18" i="22"/>
  <c r="DA17" i="22"/>
  <c r="CZ17" i="22"/>
  <c r="DA16" i="22"/>
  <c r="CZ16" i="22"/>
  <c r="DA15" i="22"/>
  <c r="CZ15" i="22"/>
  <c r="DA14" i="22"/>
  <c r="CZ14" i="22"/>
  <c r="DA13" i="22"/>
  <c r="CZ13" i="22"/>
  <c r="DA12" i="22"/>
  <c r="CZ12" i="22"/>
  <c r="DA11" i="22"/>
  <c r="CZ11" i="22"/>
  <c r="DA10" i="22"/>
  <c r="CZ10" i="22"/>
  <c r="DA9" i="22"/>
  <c r="CZ9" i="22"/>
  <c r="DA8" i="22"/>
  <c r="CZ8" i="22"/>
  <c r="DA7" i="22"/>
  <c r="CZ7" i="22"/>
  <c r="DA6" i="22"/>
  <c r="CZ6" i="22"/>
  <c r="CU153" i="22" l="1"/>
  <c r="CU158" i="22"/>
  <c r="CT158" i="22"/>
  <c r="CU157" i="22"/>
  <c r="CT157" i="22"/>
  <c r="CU156" i="22"/>
  <c r="CT156" i="22"/>
  <c r="CU155" i="22"/>
  <c r="CT155" i="22"/>
  <c r="CU154" i="22"/>
  <c r="CT154" i="22"/>
  <c r="CT153" i="22"/>
  <c r="CO158" i="22" l="1"/>
  <c r="CN158" i="22"/>
  <c r="CO157" i="22"/>
  <c r="CN157" i="22"/>
  <c r="CO156" i="22"/>
  <c r="CN156" i="22"/>
  <c r="CO155" i="22"/>
  <c r="CN155" i="22"/>
  <c r="CO154" i="22"/>
  <c r="CN154" i="22"/>
  <c r="CO153" i="22"/>
  <c r="CN153" i="22"/>
  <c r="CI158" i="22"/>
  <c r="CH158" i="22"/>
  <c r="CI157" i="22"/>
  <c r="CH157" i="22"/>
  <c r="CI156" i="22"/>
  <c r="CH156" i="22"/>
  <c r="CI155" i="22"/>
  <c r="CH155" i="22"/>
  <c r="CI154" i="22"/>
  <c r="CH154" i="22"/>
  <c r="CI153" i="22"/>
  <c r="CH153" i="22"/>
  <c r="CC158" i="22" l="1"/>
  <c r="CB158" i="22"/>
  <c r="CC157" i="22"/>
  <c r="CB157" i="22"/>
  <c r="CC156" i="22"/>
  <c r="CB156" i="22"/>
  <c r="CC155" i="22"/>
  <c r="CB155" i="22"/>
  <c r="CC154" i="22"/>
  <c r="CB154" i="22"/>
  <c r="CC153" i="22"/>
  <c r="CB153" i="22"/>
  <c r="BW158" i="22" l="1"/>
  <c r="BV158" i="22"/>
  <c r="BW157" i="22"/>
  <c r="BV157" i="22"/>
  <c r="BW156" i="22"/>
  <c r="BV156" i="22"/>
  <c r="BW155" i="22"/>
  <c r="BV155" i="22"/>
  <c r="BW154" i="22"/>
  <c r="BV154" i="22"/>
  <c r="BW153" i="22"/>
  <c r="BV153" i="22"/>
  <c r="BQ158" i="22" l="1"/>
  <c r="BP158" i="22"/>
  <c r="BQ157" i="22"/>
  <c r="BP157" i="22"/>
  <c r="BQ156" i="22"/>
  <c r="BP156" i="22"/>
  <c r="BQ155" i="22"/>
  <c r="BP155" i="22"/>
  <c r="BQ154" i="22"/>
  <c r="BP154" i="22"/>
  <c r="BQ153" i="22"/>
  <c r="BP153" i="22"/>
  <c r="BK158" i="22" l="1"/>
  <c r="BK157" i="22"/>
  <c r="BK156" i="22"/>
  <c r="BK155" i="22"/>
  <c r="BK154" i="22"/>
  <c r="BK153" i="22"/>
  <c r="BJ158" i="22"/>
  <c r="BJ157" i="22"/>
  <c r="BJ156" i="22"/>
  <c r="BJ155" i="22"/>
  <c r="BJ154" i="22"/>
  <c r="BJ153" i="22"/>
  <c r="AY158" i="22" l="1"/>
  <c r="AY157" i="22"/>
  <c r="AY156" i="22"/>
  <c r="BB158" i="22"/>
  <c r="BB157" i="22"/>
  <c r="BB156" i="22"/>
  <c r="BE158" i="22"/>
  <c r="BE157" i="22"/>
  <c r="BE156" i="22"/>
  <c r="BE155" i="22"/>
  <c r="BE154" i="22"/>
  <c r="BE153" i="22"/>
  <c r="BB155" i="22"/>
  <c r="BB154" i="22"/>
  <c r="BB153" i="22"/>
  <c r="AY155" i="22"/>
  <c r="AY154" i="22"/>
  <c r="AY153" i="22"/>
  <c r="AV158" i="22"/>
  <c r="AV157" i="22"/>
  <c r="AV156" i="22"/>
  <c r="AV155" i="22"/>
  <c r="AV154" i="22"/>
  <c r="AV153" i="22"/>
  <c r="AS158" i="22"/>
  <c r="AS157" i="22"/>
  <c r="AS156" i="22"/>
  <c r="AS155" i="22"/>
  <c r="AS154" i="22"/>
  <c r="AS153" i="22"/>
  <c r="AP158" i="22"/>
  <c r="AP157" i="22"/>
  <c r="AP156" i="22"/>
  <c r="AP155" i="22"/>
  <c r="AP154" i="22"/>
  <c r="AP153" i="22"/>
  <c r="AM158" i="22"/>
  <c r="AM157" i="22"/>
  <c r="AM156" i="22"/>
  <c r="AM155" i="22"/>
  <c r="AM154" i="22"/>
  <c r="AM153" i="22"/>
</calcChain>
</file>

<file path=xl/sharedStrings.xml><?xml version="1.0" encoding="utf-8"?>
<sst xmlns="http://schemas.openxmlformats.org/spreadsheetml/2006/main" count="395" uniqueCount="70">
  <si>
    <t>年（西暦）</t>
    <rPh sb="0" eb="1">
      <t>ネン</t>
    </rPh>
    <rPh sb="2" eb="4">
      <t>セイレキ</t>
    </rPh>
    <phoneticPr fontId="5"/>
  </si>
  <si>
    <t>年（和暦）</t>
    <rPh sb="0" eb="1">
      <t>ネン</t>
    </rPh>
    <rPh sb="2" eb="4">
      <t>ワレキ</t>
    </rPh>
    <phoneticPr fontId="5"/>
  </si>
  <si>
    <t>期日</t>
    <rPh sb="0" eb="2">
      <t>キジツ</t>
    </rPh>
    <phoneticPr fontId="5"/>
  </si>
  <si>
    <t>3月31日現在</t>
    <rPh sb="1" eb="2">
      <t>ガツ</t>
    </rPh>
    <rPh sb="4" eb="7">
      <t>ニチゲンザイ</t>
    </rPh>
    <phoneticPr fontId="5"/>
  </si>
  <si>
    <t>1月1日現在</t>
    <rPh sb="1" eb="2">
      <t>ガツ</t>
    </rPh>
    <rPh sb="3" eb="6">
      <t>ニチゲンザイ</t>
    </rPh>
    <phoneticPr fontId="5"/>
  </si>
  <si>
    <t>団体名</t>
  </si>
  <si>
    <t>性別</t>
  </si>
  <si>
    <t>総　　数</t>
  </si>
  <si>
    <t>６５歳～</t>
    <phoneticPr fontId="5"/>
  </si>
  <si>
    <t>高齢化率</t>
    <rPh sb="0" eb="3">
      <t>コウレイカ</t>
    </rPh>
    <rPh sb="3" eb="4">
      <t>リツ</t>
    </rPh>
    <phoneticPr fontId="5"/>
  </si>
  <si>
    <t>日本人のみ</t>
    <rPh sb="0" eb="3">
      <t>ニホンジン</t>
    </rPh>
    <phoneticPr fontId="3"/>
  </si>
  <si>
    <t>外国人含む</t>
    <rPh sb="0" eb="2">
      <t>ガイコク</t>
    </rPh>
    <rPh sb="2" eb="3">
      <t>ジン</t>
    </rPh>
    <rPh sb="3" eb="4">
      <t>フク</t>
    </rPh>
    <phoneticPr fontId="5"/>
  </si>
  <si>
    <t>全国</t>
    <rPh sb="0" eb="2">
      <t>ゼンコク</t>
    </rPh>
    <phoneticPr fontId="3"/>
  </si>
  <si>
    <t>北海道</t>
  </si>
  <si>
    <t>札幌市</t>
  </si>
  <si>
    <t>中央区</t>
  </si>
  <si>
    <t>北区</t>
  </si>
  <si>
    <t>東区</t>
  </si>
  <si>
    <t>白石区</t>
  </si>
  <si>
    <t>豊平区</t>
  </si>
  <si>
    <t>南区</t>
  </si>
  <si>
    <t>西区</t>
  </si>
  <si>
    <t>厚別区</t>
  </si>
  <si>
    <t>手稲区</t>
  </si>
  <si>
    <t>清田区</t>
  </si>
  <si>
    <t>函館市</t>
  </si>
  <si>
    <t>小樽市</t>
  </si>
  <si>
    <t>旭川市</t>
  </si>
  <si>
    <t>室蘭市</t>
  </si>
  <si>
    <t>釧路市</t>
  </si>
  <si>
    <t>帯広市</t>
  </si>
  <si>
    <t>北見市</t>
  </si>
  <si>
    <t>夕張市</t>
  </si>
  <si>
    <t>岩見沢市</t>
  </si>
  <si>
    <t>網走市</t>
  </si>
  <si>
    <t>留萌市</t>
  </si>
  <si>
    <t>苫小牧市</t>
  </si>
  <si>
    <t>稚内市</t>
  </si>
  <si>
    <t>美唄市</t>
  </si>
  <si>
    <t>芦別市</t>
  </si>
  <si>
    <t>江別市</t>
  </si>
  <si>
    <t>赤平市</t>
  </si>
  <si>
    <t>紋別市</t>
  </si>
  <si>
    <t>士別市</t>
  </si>
  <si>
    <t>名寄市</t>
  </si>
  <si>
    <t>三笠市</t>
  </si>
  <si>
    <t>根室市</t>
  </si>
  <si>
    <t>千歳市</t>
  </si>
  <si>
    <t>滝川市</t>
  </si>
  <si>
    <t>砂川市</t>
  </si>
  <si>
    <t>歌志内市</t>
  </si>
  <si>
    <t>深川市</t>
  </si>
  <si>
    <t>富良野市</t>
  </si>
  <si>
    <t>登別市</t>
  </si>
  <si>
    <t>恵庭市</t>
  </si>
  <si>
    <t>伊達市</t>
  </si>
  <si>
    <t>北広島市</t>
  </si>
  <si>
    <t>石狩市</t>
  </si>
  <si>
    <t>北斗市</t>
    <rPh sb="0" eb="2">
      <t>ホクト</t>
    </rPh>
    <rPh sb="2" eb="3">
      <t>シ</t>
    </rPh>
    <phoneticPr fontId="7"/>
  </si>
  <si>
    <t>当別町</t>
  </si>
  <si>
    <t>新篠津村</t>
  </si>
  <si>
    <t>計</t>
    <rPh sb="0" eb="1">
      <t>ケイ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令和2年</t>
    <rPh sb="0" eb="2">
      <t>レイワ</t>
    </rPh>
    <rPh sb="3" eb="4">
      <t>ネン</t>
    </rPh>
    <phoneticPr fontId="2"/>
  </si>
  <si>
    <t>令和3年</t>
    <rPh sb="0" eb="2">
      <t>レイワ</t>
    </rPh>
    <rPh sb="3" eb="4">
      <t>ネン</t>
    </rPh>
    <phoneticPr fontId="2"/>
  </si>
  <si>
    <t>厚田区</t>
    <rPh sb="2" eb="3">
      <t>ク</t>
    </rPh>
    <phoneticPr fontId="2"/>
  </si>
  <si>
    <t>浜益区</t>
    <rPh sb="2" eb="3">
      <t>ク</t>
    </rPh>
    <phoneticPr fontId="2"/>
  </si>
  <si>
    <t>令和4年</t>
    <rPh sb="0" eb="2">
      <t>レイワ</t>
    </rPh>
    <rPh sb="3" eb="4">
      <t>ネン</t>
    </rPh>
    <phoneticPr fontId="2"/>
  </si>
  <si>
    <t>令和5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&quot;平成&quot;0&quot;年&quot;"/>
    <numFmt numFmtId="177" formatCode="0.0&quot;%&quot;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7"/>
      <name val="ＭＳ Ｐ明朝"/>
      <family val="1"/>
      <charset val="128"/>
    </font>
    <font>
      <sz val="11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99CC"/>
        <bgColor indexed="64"/>
      </patternFill>
    </fill>
    <fill>
      <patternFill patternType="solid">
        <fgColor theme="0" tint="-0.249977111117893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0" fontId="4" fillId="0" borderId="0"/>
    <xf numFmtId="38" fontId="4" fillId="0" borderId="0" applyFont="0" applyFill="0" applyBorder="0" applyAlignment="0" applyProtection="0"/>
    <xf numFmtId="0" fontId="6" fillId="0" borderId="0">
      <alignment vertical="center"/>
    </xf>
  </cellStyleXfs>
  <cellXfs count="184">
    <xf numFmtId="0" fontId="0" fillId="0" borderId="0" xfId="0"/>
    <xf numFmtId="0" fontId="1" fillId="0" borderId="0" xfId="1" applyFont="1"/>
    <xf numFmtId="0" fontId="1" fillId="0" borderId="0" xfId="1" applyFont="1" applyAlignment="1">
      <alignment vertical="center" shrinkToFit="1"/>
    </xf>
    <xf numFmtId="38" fontId="8" fillId="0" borderId="22" xfId="2" applyFont="1" applyBorder="1" applyAlignment="1" applyProtection="1">
      <alignment horizontal="center" vertical="center" shrinkToFit="1"/>
    </xf>
    <xf numFmtId="38" fontId="1" fillId="0" borderId="20" xfId="2" applyFont="1" applyBorder="1" applyAlignment="1">
      <alignment horizontal="center" vertical="center" shrinkToFit="1"/>
    </xf>
    <xf numFmtId="38" fontId="8" fillId="0" borderId="20" xfId="2" applyFont="1" applyBorder="1" applyAlignment="1" applyProtection="1">
      <alignment horizontal="center" vertical="center" shrinkToFit="1"/>
    </xf>
    <xf numFmtId="177" fontId="8" fillId="0" borderId="20" xfId="3" applyNumberFormat="1" applyFont="1" applyBorder="1" applyAlignment="1" applyProtection="1">
      <alignment horizontal="center" vertical="center" shrinkToFit="1"/>
    </xf>
    <xf numFmtId="177" fontId="1" fillId="0" borderId="23" xfId="1" applyNumberFormat="1" applyFont="1" applyBorder="1" applyAlignment="1">
      <alignment horizontal="center" vertical="center" shrinkToFit="1"/>
    </xf>
    <xf numFmtId="38" fontId="8" fillId="0" borderId="24" xfId="2" applyFont="1" applyBorder="1" applyAlignment="1" applyProtection="1">
      <alignment horizontal="center" vertical="center" shrinkToFit="1"/>
    </xf>
    <xf numFmtId="177" fontId="1" fillId="0" borderId="21" xfId="1" applyNumberFormat="1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38" fontId="1" fillId="0" borderId="30" xfId="2" applyFont="1" applyBorder="1" applyAlignment="1">
      <alignment horizontal="right" vertical="center" shrinkToFit="1"/>
    </xf>
    <xf numFmtId="38" fontId="1" fillId="0" borderId="1" xfId="2" applyFont="1" applyBorder="1" applyAlignment="1">
      <alignment horizontal="right" vertical="center" shrinkToFit="1"/>
    </xf>
    <xf numFmtId="177" fontId="1" fillId="0" borderId="31" xfId="1" applyNumberFormat="1" applyFont="1" applyBorder="1" applyAlignment="1">
      <alignment horizontal="right" vertical="center"/>
    </xf>
    <xf numFmtId="38" fontId="1" fillId="0" borderId="6" xfId="2" applyFont="1" applyBorder="1" applyAlignment="1">
      <alignment horizontal="right" vertical="center" shrinkToFit="1"/>
    </xf>
    <xf numFmtId="177" fontId="1" fillId="0" borderId="7" xfId="1" applyNumberFormat="1" applyFont="1" applyBorder="1" applyAlignment="1">
      <alignment horizontal="right" vertical="center"/>
    </xf>
    <xf numFmtId="38" fontId="8" fillId="0" borderId="30" xfId="2" applyFont="1" applyBorder="1" applyAlignment="1" applyProtection="1">
      <alignment horizontal="right" vertical="center" shrinkToFit="1"/>
    </xf>
    <xf numFmtId="177" fontId="8" fillId="0" borderId="31" xfId="3" applyNumberFormat="1" applyFont="1" applyBorder="1" applyAlignment="1" applyProtection="1">
      <alignment horizontal="right" vertical="center" wrapText="1"/>
    </xf>
    <xf numFmtId="38" fontId="8" fillId="0" borderId="1" xfId="2" applyFont="1" applyBorder="1" applyAlignment="1" applyProtection="1">
      <alignment horizontal="right" vertical="center" shrinkToFit="1"/>
    </xf>
    <xf numFmtId="177" fontId="1" fillId="0" borderId="7" xfId="1" applyNumberFormat="1" applyFont="1" applyBorder="1" applyAlignment="1">
      <alignment horizontal="right" vertical="center" wrapText="1"/>
    </xf>
    <xf numFmtId="177" fontId="8" fillId="0" borderId="1" xfId="3" applyNumberFormat="1" applyFont="1" applyBorder="1" applyAlignment="1" applyProtection="1">
      <alignment horizontal="right" vertical="center"/>
    </xf>
    <xf numFmtId="177" fontId="1" fillId="0" borderId="1" xfId="1" applyNumberFormat="1" applyFont="1" applyBorder="1" applyAlignment="1">
      <alignment horizontal="right" vertical="center"/>
    </xf>
    <xf numFmtId="177" fontId="8" fillId="0" borderId="7" xfId="3" applyNumberFormat="1" applyFont="1" applyBorder="1" applyAlignment="1" applyProtection="1">
      <alignment horizontal="right" vertical="center"/>
    </xf>
    <xf numFmtId="177" fontId="1" fillId="0" borderId="32" xfId="1" applyNumberFormat="1" applyFont="1" applyBorder="1" applyAlignment="1">
      <alignment horizontal="right" vertical="center"/>
    </xf>
    <xf numFmtId="38" fontId="1" fillId="2" borderId="30" xfId="2" applyFont="1" applyFill="1" applyBorder="1" applyAlignment="1">
      <alignment horizontal="right" vertical="center" shrinkToFit="1"/>
    </xf>
    <xf numFmtId="38" fontId="1" fillId="2" borderId="1" xfId="2" applyFont="1" applyFill="1" applyBorder="1" applyAlignment="1">
      <alignment horizontal="right" vertical="center" shrinkToFit="1"/>
    </xf>
    <xf numFmtId="177" fontId="1" fillId="2" borderId="31" xfId="1" applyNumberFormat="1" applyFont="1" applyFill="1" applyBorder="1" applyAlignment="1">
      <alignment horizontal="right" vertical="center"/>
    </xf>
    <xf numFmtId="38" fontId="1" fillId="2" borderId="6" xfId="2" applyFont="1" applyFill="1" applyBorder="1" applyAlignment="1">
      <alignment horizontal="right" vertical="center" shrinkToFit="1"/>
    </xf>
    <xf numFmtId="177" fontId="1" fillId="2" borderId="7" xfId="1" applyNumberFormat="1" applyFont="1" applyFill="1" applyBorder="1" applyAlignment="1">
      <alignment horizontal="right" vertical="center"/>
    </xf>
    <xf numFmtId="38" fontId="8" fillId="2" borderId="30" xfId="2" applyFont="1" applyFill="1" applyBorder="1" applyAlignment="1" applyProtection="1">
      <alignment horizontal="right" vertical="center" shrinkToFit="1"/>
    </xf>
    <xf numFmtId="177" fontId="8" fillId="2" borderId="31" xfId="3" applyNumberFormat="1" applyFont="1" applyFill="1" applyBorder="1" applyAlignment="1" applyProtection="1">
      <alignment horizontal="right" vertical="center" wrapText="1"/>
    </xf>
    <xf numFmtId="38" fontId="8" fillId="2" borderId="1" xfId="2" applyFont="1" applyFill="1" applyBorder="1" applyAlignment="1" applyProtection="1">
      <alignment horizontal="right" vertical="center" shrinkToFit="1"/>
    </xf>
    <xf numFmtId="177" fontId="1" fillId="2" borderId="7" xfId="1" applyNumberFormat="1" applyFont="1" applyFill="1" applyBorder="1" applyAlignment="1">
      <alignment horizontal="right" vertical="center" wrapText="1"/>
    </xf>
    <xf numFmtId="177" fontId="8" fillId="2" borderId="1" xfId="3" applyNumberFormat="1" applyFont="1" applyFill="1" applyBorder="1" applyAlignment="1" applyProtection="1">
      <alignment horizontal="right" vertical="center"/>
    </xf>
    <xf numFmtId="177" fontId="1" fillId="2" borderId="1" xfId="1" applyNumberFormat="1" applyFont="1" applyFill="1" applyBorder="1" applyAlignment="1">
      <alignment horizontal="right" vertical="center"/>
    </xf>
    <xf numFmtId="177" fontId="8" fillId="2" borderId="7" xfId="3" applyNumberFormat="1" applyFont="1" applyFill="1" applyBorder="1" applyAlignment="1" applyProtection="1">
      <alignment horizontal="right" vertical="center"/>
    </xf>
    <xf numFmtId="177" fontId="1" fillId="2" borderId="32" xfId="1" applyNumberFormat="1" applyFont="1" applyFill="1" applyBorder="1" applyAlignment="1">
      <alignment horizontal="right" vertical="center"/>
    </xf>
    <xf numFmtId="38" fontId="1" fillId="0" borderId="35" xfId="2" applyFont="1" applyBorder="1" applyAlignment="1">
      <alignment horizontal="right" vertical="center" shrinkToFit="1"/>
    </xf>
    <xf numFmtId="38" fontId="1" fillId="0" borderId="2" xfId="2" applyFont="1" applyBorder="1" applyAlignment="1">
      <alignment horizontal="right" vertical="center" shrinkToFit="1"/>
    </xf>
    <xf numFmtId="177" fontId="1" fillId="0" borderId="36" xfId="1" applyNumberFormat="1" applyFont="1" applyBorder="1" applyAlignment="1">
      <alignment horizontal="right" vertical="center"/>
    </xf>
    <xf numFmtId="38" fontId="1" fillId="0" borderId="28" xfId="2" applyFont="1" applyBorder="1" applyAlignment="1">
      <alignment horizontal="right" vertical="center" shrinkToFit="1"/>
    </xf>
    <xf numFmtId="177" fontId="1" fillId="0" borderId="34" xfId="1" applyNumberFormat="1" applyFont="1" applyBorder="1" applyAlignment="1">
      <alignment horizontal="right" vertical="center"/>
    </xf>
    <xf numFmtId="38" fontId="8" fillId="0" borderId="35" xfId="2" applyFont="1" applyBorder="1" applyAlignment="1" applyProtection="1">
      <alignment horizontal="right" vertical="center" shrinkToFit="1"/>
    </xf>
    <xf numFmtId="177" fontId="8" fillId="0" borderId="36" xfId="3" applyNumberFormat="1" applyFont="1" applyBorder="1" applyAlignment="1" applyProtection="1">
      <alignment horizontal="right" vertical="center" wrapText="1"/>
    </xf>
    <xf numFmtId="38" fontId="8" fillId="0" borderId="2" xfId="2" applyFont="1" applyBorder="1" applyAlignment="1" applyProtection="1">
      <alignment horizontal="right" vertical="center" shrinkToFit="1"/>
    </xf>
    <xf numFmtId="177" fontId="1" fillId="0" borderId="34" xfId="1" applyNumberFormat="1" applyFont="1" applyBorder="1" applyAlignment="1">
      <alignment horizontal="right" vertical="center" wrapText="1"/>
    </xf>
    <xf numFmtId="177" fontId="8" fillId="0" borderId="2" xfId="3" applyNumberFormat="1" applyFont="1" applyBorder="1" applyAlignment="1" applyProtection="1">
      <alignment horizontal="right" vertical="center"/>
    </xf>
    <xf numFmtId="177" fontId="1" fillId="0" borderId="2" xfId="1" applyNumberFormat="1" applyFont="1" applyBorder="1" applyAlignment="1">
      <alignment horizontal="right" vertical="center"/>
    </xf>
    <xf numFmtId="177" fontId="8" fillId="0" borderId="34" xfId="3" applyNumberFormat="1" applyFont="1" applyBorder="1" applyAlignment="1" applyProtection="1">
      <alignment horizontal="right" vertical="center"/>
    </xf>
    <xf numFmtId="177" fontId="1" fillId="0" borderId="3" xfId="1" applyNumberFormat="1" applyFont="1" applyBorder="1" applyAlignment="1">
      <alignment horizontal="right" vertical="center"/>
    </xf>
    <xf numFmtId="38" fontId="1" fillId="0" borderId="37" xfId="2" applyFont="1" applyBorder="1" applyAlignment="1">
      <alignment horizontal="right" vertical="center" shrinkToFit="1"/>
    </xf>
    <xf numFmtId="38" fontId="1" fillId="0" borderId="8" xfId="2" applyFont="1" applyBorder="1" applyAlignment="1">
      <alignment horizontal="right" vertical="center" shrinkToFit="1"/>
    </xf>
    <xf numFmtId="177" fontId="1" fillId="0" borderId="38" xfId="1" applyNumberFormat="1" applyFont="1" applyBorder="1" applyAlignment="1">
      <alignment horizontal="right" vertical="center"/>
    </xf>
    <xf numFmtId="38" fontId="1" fillId="0" borderId="5" xfId="2" applyFont="1" applyBorder="1" applyAlignment="1">
      <alignment horizontal="right" vertical="center" shrinkToFit="1"/>
    </xf>
    <xf numFmtId="177" fontId="1" fillId="0" borderId="4" xfId="1" applyNumberFormat="1" applyFont="1" applyBorder="1" applyAlignment="1">
      <alignment horizontal="right" vertical="center"/>
    </xf>
    <xf numFmtId="177" fontId="1" fillId="0" borderId="38" xfId="2" applyNumberFormat="1" applyFont="1" applyBorder="1" applyAlignment="1">
      <alignment horizontal="right" vertical="center"/>
    </xf>
    <xf numFmtId="177" fontId="1" fillId="0" borderId="8" xfId="2" applyNumberFormat="1" applyFont="1" applyBorder="1" applyAlignment="1">
      <alignment horizontal="right" vertical="center"/>
    </xf>
    <xf numFmtId="177" fontId="1" fillId="0" borderId="8" xfId="1" applyNumberFormat="1" applyFont="1" applyBorder="1" applyAlignment="1">
      <alignment horizontal="right" vertical="center"/>
    </xf>
    <xf numFmtId="177" fontId="1" fillId="0" borderId="4" xfId="2" applyNumberFormat="1" applyFont="1" applyBorder="1" applyAlignment="1">
      <alignment horizontal="right" vertical="center"/>
    </xf>
    <xf numFmtId="38" fontId="1" fillId="0" borderId="5" xfId="2" quotePrefix="1" applyFont="1" applyFill="1" applyBorder="1" applyAlignment="1">
      <alignment horizontal="right" vertical="center" shrinkToFit="1"/>
    </xf>
    <xf numFmtId="177" fontId="1" fillId="0" borderId="8" xfId="2" quotePrefix="1" applyNumberFormat="1" applyFont="1" applyFill="1" applyBorder="1" applyAlignment="1">
      <alignment horizontal="right" vertical="center" shrinkToFit="1"/>
    </xf>
    <xf numFmtId="177" fontId="1" fillId="0" borderId="39" xfId="1" applyNumberFormat="1" applyFont="1" applyBorder="1" applyAlignment="1">
      <alignment horizontal="right" vertical="center"/>
    </xf>
    <xf numFmtId="177" fontId="1" fillId="2" borderId="7" xfId="2" applyNumberFormat="1" applyFont="1" applyFill="1" applyBorder="1" applyAlignment="1">
      <alignment horizontal="right" vertical="center"/>
    </xf>
    <xf numFmtId="177" fontId="1" fillId="2" borderId="31" xfId="2" applyNumberFormat="1" applyFont="1" applyFill="1" applyBorder="1" applyAlignment="1">
      <alignment horizontal="right" vertical="center"/>
    </xf>
    <xf numFmtId="177" fontId="1" fillId="2" borderId="1" xfId="2" applyNumberFormat="1" applyFont="1" applyFill="1" applyBorder="1" applyAlignment="1">
      <alignment horizontal="right" vertical="center"/>
    </xf>
    <xf numFmtId="38" fontId="1" fillId="2" borderId="6" xfId="2" quotePrefix="1" applyFont="1" applyFill="1" applyBorder="1" applyAlignment="1">
      <alignment horizontal="right" vertical="center" shrinkToFit="1"/>
    </xf>
    <xf numFmtId="177" fontId="1" fillId="2" borderId="1" xfId="2" quotePrefix="1" applyNumberFormat="1" applyFont="1" applyFill="1" applyBorder="1" applyAlignment="1">
      <alignment horizontal="right" vertical="center" shrinkToFit="1"/>
    </xf>
    <xf numFmtId="177" fontId="1" fillId="0" borderId="34" xfId="2" applyNumberFormat="1" applyFont="1" applyBorder="1" applyAlignment="1">
      <alignment horizontal="right" vertical="center"/>
    </xf>
    <xf numFmtId="177" fontId="1" fillId="0" borderId="36" xfId="2" applyNumberFormat="1" applyFont="1" applyBorder="1" applyAlignment="1">
      <alignment horizontal="right" vertical="center"/>
    </xf>
    <xf numFmtId="177" fontId="1" fillId="0" borderId="2" xfId="2" applyNumberFormat="1" applyFont="1" applyBorder="1" applyAlignment="1">
      <alignment horizontal="right" vertical="center"/>
    </xf>
    <xf numFmtId="38" fontId="1" fillId="0" borderId="28" xfId="2" quotePrefix="1" applyFont="1" applyFill="1" applyBorder="1" applyAlignment="1">
      <alignment horizontal="right" vertical="center" shrinkToFit="1"/>
    </xf>
    <xf numFmtId="177" fontId="1" fillId="0" borderId="2" xfId="2" quotePrefix="1" applyNumberFormat="1" applyFont="1" applyFill="1" applyBorder="1" applyAlignment="1">
      <alignment horizontal="right" vertical="center" shrinkToFit="1"/>
    </xf>
    <xf numFmtId="38" fontId="1" fillId="0" borderId="8" xfId="2" quotePrefix="1" applyFont="1" applyFill="1" applyBorder="1" applyAlignment="1">
      <alignment horizontal="right" vertical="center" shrinkToFit="1"/>
    </xf>
    <xf numFmtId="38" fontId="1" fillId="2" borderId="1" xfId="2" quotePrefix="1" applyFont="1" applyFill="1" applyBorder="1" applyAlignment="1">
      <alignment horizontal="right" vertical="center" shrinkToFit="1"/>
    </xf>
    <xf numFmtId="38" fontId="1" fillId="0" borderId="2" xfId="2" quotePrefix="1" applyFont="1" applyFill="1" applyBorder="1" applyAlignment="1">
      <alignment horizontal="right" vertical="center" shrinkToFit="1"/>
    </xf>
    <xf numFmtId="0" fontId="1" fillId="0" borderId="40" xfId="1" applyFont="1" applyBorder="1" applyAlignment="1">
      <alignment vertical="center"/>
    </xf>
    <xf numFmtId="0" fontId="1" fillId="0" borderId="29" xfId="1" applyFont="1" applyBorder="1" applyAlignment="1">
      <alignment vertical="center"/>
    </xf>
    <xf numFmtId="38" fontId="1" fillId="3" borderId="37" xfId="2" applyFont="1" applyFill="1" applyBorder="1" applyAlignment="1">
      <alignment horizontal="right" vertical="center" shrinkToFit="1"/>
    </xf>
    <xf numFmtId="38" fontId="1" fillId="3" borderId="8" xfId="2" applyFont="1" applyFill="1" applyBorder="1" applyAlignment="1">
      <alignment horizontal="right" vertical="center" shrinkToFit="1"/>
    </xf>
    <xf numFmtId="177" fontId="1" fillId="3" borderId="38" xfId="1" applyNumberFormat="1" applyFont="1" applyFill="1" applyBorder="1" applyAlignment="1">
      <alignment horizontal="right" vertical="center"/>
    </xf>
    <xf numFmtId="38" fontId="1" fillId="3" borderId="5" xfId="2" applyFont="1" applyFill="1" applyBorder="1" applyAlignment="1">
      <alignment horizontal="right" vertical="center" shrinkToFit="1"/>
    </xf>
    <xf numFmtId="177" fontId="1" fillId="3" borderId="4" xfId="1" applyNumberFormat="1" applyFont="1" applyFill="1" applyBorder="1" applyAlignment="1">
      <alignment horizontal="right" vertical="center"/>
    </xf>
    <xf numFmtId="38" fontId="1" fillId="3" borderId="30" xfId="2" applyFont="1" applyFill="1" applyBorder="1" applyAlignment="1">
      <alignment horizontal="right" vertical="center" shrinkToFit="1"/>
    </xf>
    <xf numFmtId="38" fontId="1" fillId="3" borderId="1" xfId="2" applyFont="1" applyFill="1" applyBorder="1" applyAlignment="1">
      <alignment horizontal="right" vertical="center" shrinkToFit="1"/>
    </xf>
    <xf numFmtId="177" fontId="1" fillId="3" borderId="31" xfId="1" applyNumberFormat="1" applyFont="1" applyFill="1" applyBorder="1" applyAlignment="1">
      <alignment horizontal="right" vertical="center"/>
    </xf>
    <xf numFmtId="38" fontId="1" fillId="3" borderId="6" xfId="2" applyFont="1" applyFill="1" applyBorder="1" applyAlignment="1">
      <alignment horizontal="right" vertical="center" shrinkToFit="1"/>
    </xf>
    <xf numFmtId="177" fontId="1" fillId="3" borderId="7" xfId="1" applyNumberFormat="1" applyFont="1" applyFill="1" applyBorder="1" applyAlignment="1">
      <alignment horizontal="right" vertical="center"/>
    </xf>
    <xf numFmtId="0" fontId="1" fillId="0" borderId="33" xfId="1" applyFont="1" applyBorder="1" applyAlignment="1">
      <alignment vertical="center"/>
    </xf>
    <xf numFmtId="38" fontId="1" fillId="3" borderId="35" xfId="2" applyFont="1" applyFill="1" applyBorder="1" applyAlignment="1">
      <alignment horizontal="right" vertical="center" shrinkToFit="1"/>
    </xf>
    <xf numFmtId="38" fontId="1" fillId="3" borderId="2" xfId="2" applyFont="1" applyFill="1" applyBorder="1" applyAlignment="1">
      <alignment horizontal="right" vertical="center" shrinkToFit="1"/>
    </xf>
    <xf numFmtId="177" fontId="1" fillId="3" borderId="36" xfId="1" applyNumberFormat="1" applyFont="1" applyFill="1" applyBorder="1" applyAlignment="1">
      <alignment horizontal="right" vertical="center"/>
    </xf>
    <xf numFmtId="38" fontId="1" fillId="3" borderId="28" xfId="2" applyFont="1" applyFill="1" applyBorder="1" applyAlignment="1">
      <alignment horizontal="right" vertical="center" shrinkToFit="1"/>
    </xf>
    <xf numFmtId="177" fontId="1" fillId="3" borderId="34" xfId="1" applyNumberFormat="1" applyFont="1" applyFill="1" applyBorder="1" applyAlignment="1">
      <alignment horizontal="right" vertical="center"/>
    </xf>
    <xf numFmtId="38" fontId="1" fillId="0" borderId="37" xfId="2" quotePrefix="1" applyFont="1" applyFill="1" applyBorder="1" applyAlignment="1">
      <alignment horizontal="right" vertical="center" shrinkToFit="1"/>
    </xf>
    <xf numFmtId="38" fontId="1" fillId="2" borderId="30" xfId="2" quotePrefix="1" applyFont="1" applyFill="1" applyBorder="1" applyAlignment="1">
      <alignment horizontal="right" vertical="center" shrinkToFit="1"/>
    </xf>
    <xf numFmtId="38" fontId="1" fillId="0" borderId="35" xfId="2" quotePrefix="1" applyFont="1" applyFill="1" applyBorder="1" applyAlignment="1">
      <alignment horizontal="right" vertical="center" shrinkToFit="1"/>
    </xf>
    <xf numFmtId="38" fontId="1" fillId="0" borderId="5" xfId="2" applyFont="1" applyBorder="1" applyAlignment="1">
      <alignment shrinkToFit="1"/>
    </xf>
    <xf numFmtId="38" fontId="1" fillId="0" borderId="8" xfId="2" applyFont="1" applyBorder="1" applyAlignment="1">
      <alignment shrinkToFit="1"/>
    </xf>
    <xf numFmtId="38" fontId="1" fillId="0" borderId="37" xfId="2" applyFont="1" applyBorder="1" applyAlignment="1">
      <alignment shrinkToFit="1"/>
    </xf>
    <xf numFmtId="38" fontId="1" fillId="2" borderId="6" xfId="2" applyFont="1" applyFill="1" applyBorder="1" applyAlignment="1">
      <alignment shrinkToFit="1"/>
    </xf>
    <xf numFmtId="38" fontId="1" fillId="2" borderId="1" xfId="2" applyFont="1" applyFill="1" applyBorder="1" applyAlignment="1">
      <alignment shrinkToFit="1"/>
    </xf>
    <xf numFmtId="38" fontId="1" fillId="2" borderId="30" xfId="2" applyFont="1" applyFill="1" applyBorder="1" applyAlignment="1">
      <alignment shrinkToFit="1"/>
    </xf>
    <xf numFmtId="38" fontId="1" fillId="0" borderId="28" xfId="2" applyFont="1" applyBorder="1" applyAlignment="1">
      <alignment shrinkToFit="1"/>
    </xf>
    <xf numFmtId="38" fontId="1" fillId="0" borderId="2" xfId="2" applyFont="1" applyBorder="1" applyAlignment="1">
      <alignment shrinkToFit="1"/>
    </xf>
    <xf numFmtId="38" fontId="1" fillId="0" borderId="35" xfId="2" applyFont="1" applyBorder="1" applyAlignment="1">
      <alignment shrinkToFit="1"/>
    </xf>
    <xf numFmtId="38" fontId="1" fillId="0" borderId="30" xfId="2" applyFont="1" applyBorder="1" applyAlignment="1">
      <alignment shrinkToFit="1"/>
    </xf>
    <xf numFmtId="38" fontId="1" fillId="0" borderId="1" xfId="2" applyFont="1" applyBorder="1" applyAlignment="1">
      <alignment shrinkToFit="1"/>
    </xf>
    <xf numFmtId="38" fontId="1" fillId="0" borderId="44" xfId="2" applyFont="1" applyBorder="1" applyAlignment="1">
      <alignment horizontal="right" vertical="center" shrinkToFit="1"/>
    </xf>
    <xf numFmtId="38" fontId="1" fillId="0" borderId="45" xfId="2" applyFont="1" applyBorder="1" applyAlignment="1">
      <alignment horizontal="right" vertical="center" shrinkToFit="1"/>
    </xf>
    <xf numFmtId="177" fontId="1" fillId="0" borderId="46" xfId="1" applyNumberFormat="1" applyFont="1" applyBorder="1" applyAlignment="1">
      <alignment horizontal="right" vertical="center"/>
    </xf>
    <xf numFmtId="38" fontId="1" fillId="0" borderId="47" xfId="2" applyFont="1" applyBorder="1" applyAlignment="1">
      <alignment horizontal="right" vertical="center" shrinkToFit="1"/>
    </xf>
    <xf numFmtId="177" fontId="1" fillId="0" borderId="43" xfId="1" applyNumberFormat="1" applyFont="1" applyBorder="1" applyAlignment="1">
      <alignment horizontal="right" vertical="center"/>
    </xf>
    <xf numFmtId="177" fontId="1" fillId="0" borderId="43" xfId="2" applyNumberFormat="1" applyFont="1" applyBorder="1" applyAlignment="1">
      <alignment horizontal="right" vertical="center"/>
    </xf>
    <xf numFmtId="177" fontId="1" fillId="0" borderId="46" xfId="2" applyNumberFormat="1" applyFont="1" applyBorder="1" applyAlignment="1">
      <alignment horizontal="right" vertical="center"/>
    </xf>
    <xf numFmtId="38" fontId="1" fillId="0" borderId="47" xfId="2" applyFont="1" applyBorder="1" applyAlignment="1">
      <alignment shrinkToFit="1"/>
    </xf>
    <xf numFmtId="38" fontId="1" fillId="0" borderId="45" xfId="2" applyFont="1" applyBorder="1" applyAlignment="1">
      <alignment shrinkToFit="1"/>
    </xf>
    <xf numFmtId="38" fontId="1" fillId="0" borderId="44" xfId="2" applyFont="1" applyBorder="1" applyAlignment="1">
      <alignment shrinkToFit="1"/>
    </xf>
    <xf numFmtId="177" fontId="1" fillId="0" borderId="48" xfId="1" applyNumberFormat="1" applyFont="1" applyBorder="1" applyAlignment="1">
      <alignment horizontal="right" vertical="center"/>
    </xf>
    <xf numFmtId="38" fontId="1" fillId="0" borderId="0" xfId="2" applyFont="1" applyAlignment="1">
      <alignment shrinkToFit="1"/>
    </xf>
    <xf numFmtId="177" fontId="1" fillId="0" borderId="0" xfId="1" applyNumberFormat="1" applyFont="1" applyAlignment="1">
      <alignment horizontal="right" vertical="center"/>
    </xf>
    <xf numFmtId="177" fontId="1" fillId="0" borderId="0" xfId="1" applyNumberFormat="1" applyFont="1" applyAlignment="1"/>
    <xf numFmtId="0" fontId="1" fillId="0" borderId="1" xfId="1" applyFont="1" applyBorder="1" applyAlignment="1">
      <alignment horizontal="center" vertical="center"/>
    </xf>
    <xf numFmtId="0" fontId="1" fillId="0" borderId="2" xfId="1" applyFont="1" applyBorder="1" applyAlignment="1">
      <alignment horizontal="center" vertical="center"/>
    </xf>
    <xf numFmtId="0" fontId="1" fillId="2" borderId="1" xfId="1" applyFont="1" applyFill="1" applyBorder="1" applyAlignment="1">
      <alignment horizontal="center" vertical="center"/>
    </xf>
    <xf numFmtId="0" fontId="1" fillId="0" borderId="45" xfId="1" applyFont="1" applyBorder="1" applyAlignment="1">
      <alignment horizontal="center" vertical="center"/>
    </xf>
    <xf numFmtId="38" fontId="1" fillId="0" borderId="20" xfId="2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177" fontId="1" fillId="0" borderId="45" xfId="1" applyNumberFormat="1" applyFont="1" applyBorder="1" applyAlignment="1">
      <alignment horizontal="right" vertical="center"/>
    </xf>
    <xf numFmtId="38" fontId="1" fillId="0" borderId="20" xfId="2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38" fontId="1" fillId="0" borderId="20" xfId="2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177" fontId="1" fillId="0" borderId="0" xfId="1" applyNumberFormat="1" applyFont="1" applyBorder="1" applyAlignment="1"/>
    <xf numFmtId="38" fontId="1" fillId="0" borderId="20" xfId="2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0" fontId="1" fillId="0" borderId="13" xfId="1" applyFont="1" applyBorder="1" applyAlignment="1">
      <alignment horizontal="center"/>
    </xf>
    <xf numFmtId="0" fontId="1" fillId="0" borderId="9" xfId="1" applyFont="1" applyBorder="1" applyAlignment="1">
      <alignment horizontal="center"/>
    </xf>
    <xf numFmtId="0" fontId="1" fillId="0" borderId="10" xfId="1" applyFont="1" applyBorder="1" applyAlignment="1">
      <alignment horizontal="center"/>
    </xf>
    <xf numFmtId="176" fontId="0" fillId="0" borderId="22" xfId="1" applyNumberFormat="1" applyFont="1" applyBorder="1" applyAlignment="1">
      <alignment horizontal="center"/>
    </xf>
    <xf numFmtId="176" fontId="1" fillId="0" borderId="20" xfId="1" applyNumberFormat="1" applyFont="1" applyBorder="1" applyAlignment="1">
      <alignment horizontal="center"/>
    </xf>
    <xf numFmtId="176" fontId="1" fillId="0" borderId="25" xfId="1" applyNumberFormat="1" applyFont="1" applyBorder="1" applyAlignment="1">
      <alignment horizontal="center"/>
    </xf>
    <xf numFmtId="0" fontId="1" fillId="0" borderId="22" xfId="1" applyFont="1" applyBorder="1" applyAlignment="1">
      <alignment horizontal="center"/>
    </xf>
    <xf numFmtId="0" fontId="1" fillId="0" borderId="20" xfId="1" applyFont="1" applyBorder="1" applyAlignment="1">
      <alignment horizontal="center"/>
    </xf>
    <xf numFmtId="0" fontId="1" fillId="0" borderId="25" xfId="1" applyFont="1" applyBorder="1" applyAlignment="1">
      <alignment horizontal="center"/>
    </xf>
    <xf numFmtId="38" fontId="1" fillId="0" borderId="22" xfId="2" applyFont="1" applyBorder="1" applyAlignment="1">
      <alignment horizontal="center" vertical="center" shrinkToFit="1"/>
    </xf>
    <xf numFmtId="38" fontId="1" fillId="0" borderId="20" xfId="2" applyFont="1" applyBorder="1" applyAlignment="1">
      <alignment horizontal="center" vertical="center" shrinkToFit="1"/>
    </xf>
    <xf numFmtId="177" fontId="1" fillId="0" borderId="20" xfId="1" applyNumberFormat="1" applyFont="1" applyBorder="1" applyAlignment="1">
      <alignment horizontal="center" vertical="center" shrinkToFit="1"/>
    </xf>
    <xf numFmtId="177" fontId="1" fillId="0" borderId="25" xfId="1" applyNumberFormat="1" applyFont="1" applyBorder="1" applyAlignment="1">
      <alignment horizontal="center" vertical="center" shrinkToFit="1"/>
    </xf>
    <xf numFmtId="0" fontId="1" fillId="0" borderId="11" xfId="1" applyFont="1" applyBorder="1" applyAlignment="1">
      <alignment horizontal="center"/>
    </xf>
    <xf numFmtId="0" fontId="1" fillId="0" borderId="15" xfId="1" applyFont="1" applyBorder="1" applyAlignment="1">
      <alignment horizontal="center"/>
    </xf>
    <xf numFmtId="0" fontId="1" fillId="0" borderId="14" xfId="1" applyFont="1" applyBorder="1" applyAlignment="1">
      <alignment horizontal="center"/>
    </xf>
    <xf numFmtId="0" fontId="1" fillId="0" borderId="12" xfId="1" applyFont="1" applyBorder="1" applyAlignment="1">
      <alignment horizontal="center"/>
    </xf>
    <xf numFmtId="176" fontId="1" fillId="0" borderId="22" xfId="1" applyNumberFormat="1" applyFont="1" applyBorder="1" applyAlignment="1">
      <alignment horizontal="center"/>
    </xf>
    <xf numFmtId="176" fontId="1" fillId="0" borderId="23" xfId="1" applyNumberFormat="1" applyFont="1" applyBorder="1" applyAlignment="1">
      <alignment horizontal="center"/>
    </xf>
    <xf numFmtId="0" fontId="1" fillId="0" borderId="19" xfId="1" applyFont="1" applyBorder="1" applyAlignment="1">
      <alignment horizontal="center"/>
    </xf>
    <xf numFmtId="176" fontId="1" fillId="0" borderId="24" xfId="1" applyNumberFormat="1" applyFont="1" applyBorder="1" applyAlignment="1">
      <alignment horizontal="center"/>
    </xf>
    <xf numFmtId="0" fontId="1" fillId="0" borderId="16" xfId="1" applyFont="1" applyBorder="1" applyAlignment="1">
      <alignment horizontal="center"/>
    </xf>
    <xf numFmtId="0" fontId="1" fillId="0" borderId="17" xfId="1" applyFont="1" applyBorder="1" applyAlignment="1">
      <alignment horizontal="center"/>
    </xf>
    <xf numFmtId="0" fontId="1" fillId="0" borderId="18" xfId="1" applyFont="1" applyBorder="1" applyAlignment="1">
      <alignment horizontal="center"/>
    </xf>
    <xf numFmtId="176" fontId="1" fillId="0" borderId="21" xfId="1" applyNumberFormat="1" applyFont="1" applyBorder="1" applyAlignment="1">
      <alignment horizontal="center"/>
    </xf>
    <xf numFmtId="0" fontId="1" fillId="0" borderId="24" xfId="1" applyFont="1" applyBorder="1" applyAlignment="1">
      <alignment horizontal="center"/>
    </xf>
    <xf numFmtId="0" fontId="1" fillId="0" borderId="21" xfId="1" applyFont="1" applyBorder="1" applyAlignment="1">
      <alignment horizontal="center"/>
    </xf>
    <xf numFmtId="0" fontId="1" fillId="0" borderId="23" xfId="1" applyFont="1" applyBorder="1" applyAlignment="1">
      <alignment horizontal="center"/>
    </xf>
    <xf numFmtId="0" fontId="1" fillId="0" borderId="26" xfId="1" applyFont="1" applyBorder="1" applyAlignment="1">
      <alignment horizontal="center" vertical="center" shrinkToFit="1"/>
    </xf>
    <xf numFmtId="0" fontId="1" fillId="0" borderId="5" xfId="1" applyFont="1" applyBorder="1" applyAlignment="1">
      <alignment horizontal="center" vertical="center" shrinkToFit="1"/>
    </xf>
    <xf numFmtId="0" fontId="1" fillId="0" borderId="27" xfId="1" applyFont="1" applyBorder="1" applyAlignment="1">
      <alignment horizontal="center" vertical="center" shrinkToFit="1"/>
    </xf>
    <xf numFmtId="0" fontId="1" fillId="0" borderId="28" xfId="1" applyFont="1" applyBorder="1" applyAlignment="1">
      <alignment horizontal="center" vertical="center" shrinkToFit="1"/>
    </xf>
    <xf numFmtId="0" fontId="1" fillId="0" borderId="20" xfId="1" applyFont="1" applyBorder="1" applyAlignment="1">
      <alignment horizontal="center" vertical="center" shrinkToFit="1"/>
    </xf>
    <xf numFmtId="38" fontId="1" fillId="0" borderId="24" xfId="2" applyFont="1" applyBorder="1" applyAlignment="1">
      <alignment horizontal="center" vertical="center" shrinkToFit="1"/>
    </xf>
    <xf numFmtId="177" fontId="1" fillId="0" borderId="23" xfId="1" applyNumberFormat="1" applyFont="1" applyBorder="1" applyAlignment="1">
      <alignment horizontal="right" vertical="center" shrinkToFit="1"/>
    </xf>
    <xf numFmtId="177" fontId="1" fillId="0" borderId="21" xfId="1" applyNumberFormat="1" applyFont="1" applyBorder="1" applyAlignment="1">
      <alignment horizontal="right" vertical="center" shrinkToFit="1"/>
    </xf>
    <xf numFmtId="0" fontId="1" fillId="0" borderId="29" xfId="1" applyFont="1" applyBorder="1" applyAlignment="1">
      <alignment horizontal="center" vertical="center"/>
    </xf>
    <xf numFmtId="0" fontId="1" fillId="0" borderId="1" xfId="1" applyFont="1" applyBorder="1" applyAlignment="1">
      <alignment horizontal="center" vertical="center"/>
    </xf>
    <xf numFmtId="0" fontId="1" fillId="0" borderId="33" xfId="1" applyFont="1" applyBorder="1" applyAlignment="1">
      <alignment horizontal="center" vertical="center"/>
    </xf>
    <xf numFmtId="0" fontId="1" fillId="0" borderId="2" xfId="1" applyFont="1" applyBorder="1" applyAlignment="1">
      <alignment horizontal="center" vertical="center"/>
    </xf>
    <xf numFmtId="0" fontId="1" fillId="0" borderId="19" xfId="1" applyFont="1" applyBorder="1" applyAlignment="1">
      <alignment horizontal="center" vertical="center"/>
    </xf>
    <xf numFmtId="0" fontId="1" fillId="0" borderId="20" xfId="1" applyFont="1" applyBorder="1" applyAlignment="1">
      <alignment horizontal="center" vertical="center"/>
    </xf>
    <xf numFmtId="177" fontId="1" fillId="0" borderId="23" xfId="1" applyNumberFormat="1" applyFont="1" applyBorder="1" applyAlignment="1">
      <alignment horizontal="center" vertical="center" shrinkToFit="1"/>
    </xf>
    <xf numFmtId="177" fontId="1" fillId="0" borderId="21" xfId="1" applyNumberFormat="1" applyFont="1" applyBorder="1" applyAlignment="1">
      <alignment horizontal="center" vertical="center" shrinkToFit="1"/>
    </xf>
    <xf numFmtId="0" fontId="1" fillId="0" borderId="8" xfId="1" applyFont="1" applyBorder="1" applyAlignment="1">
      <alignment horizontal="center" vertical="center"/>
    </xf>
    <xf numFmtId="0" fontId="1" fillId="0" borderId="40" xfId="1" applyFont="1" applyBorder="1" applyAlignment="1">
      <alignment horizontal="center" vertical="center"/>
    </xf>
    <xf numFmtId="0" fontId="0" fillId="0" borderId="19" xfId="1" applyFont="1" applyBorder="1" applyAlignment="1">
      <alignment horizontal="center" vertical="center"/>
    </xf>
    <xf numFmtId="0" fontId="1" fillId="0" borderId="41" xfId="1" applyFont="1" applyBorder="1" applyAlignment="1">
      <alignment horizontal="center" vertical="center"/>
    </xf>
    <xf numFmtId="0" fontId="1" fillId="0" borderId="42" xfId="1" applyFont="1" applyBorder="1" applyAlignment="1">
      <alignment horizontal="center" vertical="center"/>
    </xf>
  </cellXfs>
  <cellStyles count="4">
    <cellStyle name="桁区切り 2" xfId="2" xr:uid="{2A06A959-3457-4E8D-A684-E781159F58EF}"/>
    <cellStyle name="標準" xfId="0" builtinId="0"/>
    <cellStyle name="標準 2" xfId="1" xr:uid="{CF3E703D-E352-4E4E-ADE7-E69D07CC3F22}"/>
    <cellStyle name="標準 5" xfId="3" xr:uid="{603F0E97-380B-4C24-A585-F1FC37215ED3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AD65978-8037-475A-AA75-FF4BCDD4F1BA}">
  <sheetPr>
    <tabColor theme="0"/>
  </sheetPr>
  <dimension ref="A1:DS159"/>
  <sheetViews>
    <sheetView tabSelected="1" view="pageBreakPreview" topLeftCell="DB1" zoomScaleNormal="100" zoomScaleSheetLayoutView="100" zoomScalePageLayoutView="136" workbookViewId="0">
      <selection activeCell="DQ159" sqref="DQ159"/>
    </sheetView>
  </sheetViews>
  <sheetFormatPr defaultColWidth="9" defaultRowHeight="13.2" x14ac:dyDescent="0.2"/>
  <cols>
    <col min="1" max="1" width="2" style="1" customWidth="1"/>
    <col min="2" max="2" width="9" style="1"/>
    <col min="3" max="3" width="4.44140625" style="1" customWidth="1"/>
    <col min="4" max="4" width="10" style="118" customWidth="1"/>
    <col min="5" max="5" width="8.77734375" style="118" customWidth="1"/>
    <col min="6" max="6" width="7.44140625" style="119" customWidth="1"/>
    <col min="7" max="7" width="10" style="118" customWidth="1"/>
    <col min="8" max="8" width="8.77734375" style="118" customWidth="1"/>
    <col min="9" max="9" width="7.44140625" style="119" customWidth="1"/>
    <col min="10" max="10" width="10" style="118" customWidth="1"/>
    <col min="11" max="11" width="8.77734375" style="118" customWidth="1"/>
    <col min="12" max="12" width="7.44140625" style="119" customWidth="1"/>
    <col min="13" max="13" width="10" style="118" customWidth="1"/>
    <col min="14" max="14" width="8.77734375" style="118" customWidth="1"/>
    <col min="15" max="15" width="7.44140625" style="119" customWidth="1"/>
    <col min="16" max="16" width="10" style="118" customWidth="1"/>
    <col min="17" max="17" width="8.77734375" style="118" customWidth="1"/>
    <col min="18" max="18" width="7.44140625" style="119" customWidth="1"/>
    <col min="19" max="19" width="10" style="118" customWidth="1"/>
    <col min="20" max="20" width="8.77734375" style="118" customWidth="1"/>
    <col min="21" max="21" width="7.44140625" style="119" customWidth="1"/>
    <col min="22" max="22" width="10" style="118" customWidth="1"/>
    <col min="23" max="23" width="8.77734375" style="118" customWidth="1"/>
    <col min="24" max="24" width="7.44140625" style="119" customWidth="1"/>
    <col min="25" max="25" width="10" style="118" customWidth="1"/>
    <col min="26" max="26" width="8.77734375" style="118" customWidth="1"/>
    <col min="27" max="27" width="7.44140625" style="119" customWidth="1"/>
    <col min="28" max="28" width="10" style="118" customWidth="1"/>
    <col min="29" max="29" width="8.77734375" style="118" customWidth="1"/>
    <col min="30" max="30" width="7.44140625" style="119" customWidth="1"/>
    <col min="31" max="31" width="10" style="118" customWidth="1"/>
    <col min="32" max="32" width="8.77734375" style="118" customWidth="1"/>
    <col min="33" max="33" width="7.44140625" style="119" customWidth="1"/>
    <col min="34" max="34" width="10" style="118" customWidth="1"/>
    <col min="35" max="35" width="8.77734375" style="118" customWidth="1"/>
    <col min="36" max="36" width="7.44140625" style="119" customWidth="1"/>
    <col min="37" max="37" width="10" style="118" customWidth="1"/>
    <col min="38" max="38" width="8.77734375" style="118" customWidth="1"/>
    <col min="39" max="39" width="7.44140625" style="119" customWidth="1"/>
    <col min="40" max="40" width="10" style="118" customWidth="1"/>
    <col min="41" max="41" width="8.77734375" style="118" customWidth="1"/>
    <col min="42" max="42" width="7.44140625" style="119" customWidth="1"/>
    <col min="43" max="43" width="10" style="118" customWidth="1"/>
    <col min="44" max="44" width="8.77734375" style="118" customWidth="1"/>
    <col min="45" max="45" width="7.44140625" style="119" customWidth="1"/>
    <col min="46" max="46" width="10" style="118" customWidth="1"/>
    <col min="47" max="47" width="8.77734375" style="118" customWidth="1"/>
    <col min="48" max="48" width="7.44140625" style="119" customWidth="1"/>
    <col min="49" max="49" width="10" style="118" customWidth="1"/>
    <col min="50" max="50" width="8.77734375" style="118" customWidth="1"/>
    <col min="51" max="51" width="7.44140625" style="119" customWidth="1"/>
    <col min="52" max="52" width="10" style="118" customWidth="1"/>
    <col min="53" max="53" width="8.77734375" style="118" customWidth="1"/>
    <col min="54" max="54" width="7.44140625" style="119" customWidth="1"/>
    <col min="55" max="55" width="10" style="118" customWidth="1"/>
    <col min="56" max="56" width="8.77734375" style="118" customWidth="1"/>
    <col min="57" max="57" width="7.44140625" style="119" customWidth="1"/>
    <col min="58" max="59" width="10" style="118" customWidth="1"/>
    <col min="60" max="61" width="8.77734375" style="118" customWidth="1"/>
    <col min="62" max="63" width="7.44140625" style="120" customWidth="1"/>
    <col min="64" max="65" width="10" style="118" customWidth="1"/>
    <col min="66" max="67" width="8.77734375" style="118" customWidth="1"/>
    <col min="68" max="69" width="7.44140625" style="120" customWidth="1"/>
    <col min="70" max="71" width="10" style="118" customWidth="1"/>
    <col min="72" max="73" width="8.77734375" style="118" customWidth="1"/>
    <col min="74" max="75" width="7.44140625" style="120" customWidth="1"/>
    <col min="76" max="77" width="10" style="118" customWidth="1"/>
    <col min="78" max="79" width="8.77734375" style="118" customWidth="1"/>
    <col min="80" max="81" width="7.44140625" style="120" customWidth="1"/>
    <col min="82" max="83" width="10" style="118" customWidth="1"/>
    <col min="84" max="85" width="8.77734375" style="118" customWidth="1"/>
    <col min="86" max="87" width="7.44140625" style="120" customWidth="1"/>
    <col min="88" max="89" width="10" style="118" customWidth="1"/>
    <col min="90" max="91" width="8.77734375" style="118" customWidth="1"/>
    <col min="92" max="93" width="7.44140625" style="120" customWidth="1"/>
    <col min="94" max="95" width="10" style="118" customWidth="1"/>
    <col min="96" max="97" width="8.77734375" style="118" customWidth="1"/>
    <col min="98" max="99" width="7.44140625" style="120" customWidth="1"/>
    <col min="100" max="101" width="9.33203125" style="120" customWidth="1"/>
    <col min="102" max="102" width="9.21875" style="120" customWidth="1"/>
    <col min="103" max="103" width="8.6640625" style="120" customWidth="1"/>
    <col min="104" max="105" width="7.44140625" style="120" customWidth="1"/>
    <col min="106" max="107" width="9.33203125" style="120" customWidth="1"/>
    <col min="108" max="108" width="9.44140625" style="120" customWidth="1"/>
    <col min="109" max="109" width="9.33203125" style="120" customWidth="1"/>
    <col min="110" max="110" width="7.44140625" style="120" customWidth="1"/>
    <col min="111" max="111" width="7.33203125" style="120" customWidth="1"/>
    <col min="112" max="113" width="10" style="120" customWidth="1"/>
    <col min="114" max="115" width="9.44140625" style="120" customWidth="1"/>
    <col min="116" max="116" width="7.44140625" style="120" customWidth="1"/>
    <col min="117" max="117" width="8.77734375" style="120" customWidth="1"/>
    <col min="118" max="119" width="10" style="118" customWidth="1"/>
    <col min="120" max="120" width="9.44140625" style="118" customWidth="1"/>
    <col min="121" max="121" width="9.5546875" style="118" customWidth="1"/>
    <col min="122" max="122" width="7.77734375" style="120" customWidth="1"/>
    <col min="123" max="123" width="8" style="120" customWidth="1"/>
    <col min="124" max="16384" width="9" style="1"/>
  </cols>
  <sheetData>
    <row r="1" spans="1:123" x14ac:dyDescent="0.2">
      <c r="A1" s="148" t="s">
        <v>0</v>
      </c>
      <c r="B1" s="136"/>
      <c r="C1" s="136"/>
      <c r="D1" s="149">
        <v>1995</v>
      </c>
      <c r="E1" s="136"/>
      <c r="F1" s="150"/>
      <c r="G1" s="149">
        <v>1996</v>
      </c>
      <c r="H1" s="136"/>
      <c r="I1" s="151"/>
      <c r="J1" s="135">
        <v>1997</v>
      </c>
      <c r="K1" s="136"/>
      <c r="L1" s="150"/>
      <c r="M1" s="149">
        <v>1998</v>
      </c>
      <c r="N1" s="136"/>
      <c r="O1" s="151"/>
      <c r="P1" s="135">
        <v>1999</v>
      </c>
      <c r="Q1" s="136"/>
      <c r="R1" s="150"/>
      <c r="S1" s="149">
        <v>2000</v>
      </c>
      <c r="T1" s="136"/>
      <c r="U1" s="151"/>
      <c r="V1" s="135">
        <v>2001</v>
      </c>
      <c r="W1" s="136"/>
      <c r="X1" s="150"/>
      <c r="Y1" s="149">
        <v>2002</v>
      </c>
      <c r="Z1" s="136"/>
      <c r="AA1" s="151"/>
      <c r="AB1" s="135">
        <v>2003</v>
      </c>
      <c r="AC1" s="136"/>
      <c r="AD1" s="150"/>
      <c r="AE1" s="149">
        <v>2004</v>
      </c>
      <c r="AF1" s="136"/>
      <c r="AG1" s="151"/>
      <c r="AH1" s="135">
        <v>2005</v>
      </c>
      <c r="AI1" s="136"/>
      <c r="AJ1" s="150"/>
      <c r="AK1" s="149">
        <v>2006</v>
      </c>
      <c r="AL1" s="136"/>
      <c r="AM1" s="151"/>
      <c r="AN1" s="135">
        <v>2007</v>
      </c>
      <c r="AO1" s="136"/>
      <c r="AP1" s="150"/>
      <c r="AQ1" s="149">
        <v>2008</v>
      </c>
      <c r="AR1" s="136"/>
      <c r="AS1" s="151"/>
      <c r="AT1" s="135">
        <v>2009</v>
      </c>
      <c r="AU1" s="136"/>
      <c r="AV1" s="150"/>
      <c r="AW1" s="149">
        <v>2010</v>
      </c>
      <c r="AX1" s="136"/>
      <c r="AY1" s="151"/>
      <c r="AZ1" s="135">
        <v>2011</v>
      </c>
      <c r="BA1" s="136"/>
      <c r="BB1" s="150"/>
      <c r="BC1" s="149">
        <v>2012</v>
      </c>
      <c r="BD1" s="136"/>
      <c r="BE1" s="151"/>
      <c r="BF1" s="135">
        <v>2013</v>
      </c>
      <c r="BG1" s="136"/>
      <c r="BH1" s="136"/>
      <c r="BI1" s="136"/>
      <c r="BJ1" s="136"/>
      <c r="BK1" s="150"/>
      <c r="BL1" s="149">
        <v>2014</v>
      </c>
      <c r="BM1" s="136"/>
      <c r="BN1" s="136"/>
      <c r="BO1" s="136"/>
      <c r="BP1" s="136"/>
      <c r="BQ1" s="151"/>
      <c r="BR1" s="135">
        <v>2015</v>
      </c>
      <c r="BS1" s="136"/>
      <c r="BT1" s="136"/>
      <c r="BU1" s="136"/>
      <c r="BV1" s="136"/>
      <c r="BW1" s="150"/>
      <c r="BX1" s="149">
        <v>2016</v>
      </c>
      <c r="BY1" s="136"/>
      <c r="BZ1" s="136"/>
      <c r="CA1" s="136"/>
      <c r="CB1" s="136"/>
      <c r="CC1" s="151"/>
      <c r="CD1" s="156">
        <v>2017</v>
      </c>
      <c r="CE1" s="157"/>
      <c r="CF1" s="157"/>
      <c r="CG1" s="157"/>
      <c r="CH1" s="157"/>
      <c r="CI1" s="158"/>
      <c r="CJ1" s="149">
        <v>2018</v>
      </c>
      <c r="CK1" s="136"/>
      <c r="CL1" s="136"/>
      <c r="CM1" s="136"/>
      <c r="CN1" s="136"/>
      <c r="CO1" s="151"/>
      <c r="CP1" s="135">
        <v>2019</v>
      </c>
      <c r="CQ1" s="136"/>
      <c r="CR1" s="136"/>
      <c r="CS1" s="136"/>
      <c r="CT1" s="136"/>
      <c r="CU1" s="137"/>
      <c r="CV1" s="135">
        <v>2020</v>
      </c>
      <c r="CW1" s="136"/>
      <c r="CX1" s="136"/>
      <c r="CY1" s="136"/>
      <c r="CZ1" s="136"/>
      <c r="DA1" s="137"/>
      <c r="DB1" s="135">
        <v>2021</v>
      </c>
      <c r="DC1" s="136"/>
      <c r="DD1" s="136"/>
      <c r="DE1" s="136"/>
      <c r="DF1" s="136"/>
      <c r="DG1" s="137"/>
      <c r="DH1" s="135">
        <v>2022</v>
      </c>
      <c r="DI1" s="136"/>
      <c r="DJ1" s="136"/>
      <c r="DK1" s="136"/>
      <c r="DL1" s="136"/>
      <c r="DM1" s="137"/>
      <c r="DN1" s="135">
        <v>2023</v>
      </c>
      <c r="DO1" s="136"/>
      <c r="DP1" s="136"/>
      <c r="DQ1" s="136"/>
      <c r="DR1" s="136"/>
      <c r="DS1" s="137"/>
    </row>
    <row r="2" spans="1:123" x14ac:dyDescent="0.2">
      <c r="A2" s="154" t="s">
        <v>1</v>
      </c>
      <c r="B2" s="142"/>
      <c r="C2" s="142"/>
      <c r="D2" s="155">
        <v>7</v>
      </c>
      <c r="E2" s="139"/>
      <c r="F2" s="153"/>
      <c r="G2" s="152">
        <v>8</v>
      </c>
      <c r="H2" s="139"/>
      <c r="I2" s="153"/>
      <c r="J2" s="152">
        <v>9</v>
      </c>
      <c r="K2" s="139"/>
      <c r="L2" s="153"/>
      <c r="M2" s="152">
        <v>10</v>
      </c>
      <c r="N2" s="139"/>
      <c r="O2" s="153"/>
      <c r="P2" s="152">
        <v>11</v>
      </c>
      <c r="Q2" s="139"/>
      <c r="R2" s="153"/>
      <c r="S2" s="152">
        <v>12</v>
      </c>
      <c r="T2" s="139"/>
      <c r="U2" s="153"/>
      <c r="V2" s="152">
        <v>13</v>
      </c>
      <c r="W2" s="139"/>
      <c r="X2" s="153"/>
      <c r="Y2" s="152">
        <v>14</v>
      </c>
      <c r="Z2" s="139"/>
      <c r="AA2" s="153"/>
      <c r="AB2" s="152">
        <v>15</v>
      </c>
      <c r="AC2" s="139"/>
      <c r="AD2" s="153"/>
      <c r="AE2" s="152">
        <v>16</v>
      </c>
      <c r="AF2" s="139"/>
      <c r="AG2" s="153"/>
      <c r="AH2" s="152">
        <v>17</v>
      </c>
      <c r="AI2" s="139"/>
      <c r="AJ2" s="153"/>
      <c r="AK2" s="152">
        <v>18</v>
      </c>
      <c r="AL2" s="139"/>
      <c r="AM2" s="153"/>
      <c r="AN2" s="152">
        <v>19</v>
      </c>
      <c r="AO2" s="139"/>
      <c r="AP2" s="153"/>
      <c r="AQ2" s="152">
        <v>20</v>
      </c>
      <c r="AR2" s="139"/>
      <c r="AS2" s="153"/>
      <c r="AT2" s="152">
        <v>21</v>
      </c>
      <c r="AU2" s="139"/>
      <c r="AV2" s="153"/>
      <c r="AW2" s="152">
        <v>22</v>
      </c>
      <c r="AX2" s="139"/>
      <c r="AY2" s="153"/>
      <c r="AZ2" s="152">
        <v>23</v>
      </c>
      <c r="BA2" s="139"/>
      <c r="BB2" s="153"/>
      <c r="BC2" s="152">
        <v>24</v>
      </c>
      <c r="BD2" s="139"/>
      <c r="BE2" s="153"/>
      <c r="BF2" s="152">
        <v>25</v>
      </c>
      <c r="BG2" s="139"/>
      <c r="BH2" s="139"/>
      <c r="BI2" s="139"/>
      <c r="BJ2" s="139"/>
      <c r="BK2" s="153"/>
      <c r="BL2" s="155">
        <v>26</v>
      </c>
      <c r="BM2" s="139"/>
      <c r="BN2" s="139"/>
      <c r="BO2" s="139"/>
      <c r="BP2" s="139"/>
      <c r="BQ2" s="159"/>
      <c r="BR2" s="152">
        <v>27</v>
      </c>
      <c r="BS2" s="139"/>
      <c r="BT2" s="139"/>
      <c r="BU2" s="139"/>
      <c r="BV2" s="139"/>
      <c r="BW2" s="153"/>
      <c r="BX2" s="155">
        <v>28</v>
      </c>
      <c r="BY2" s="139"/>
      <c r="BZ2" s="139"/>
      <c r="CA2" s="139"/>
      <c r="CB2" s="139"/>
      <c r="CC2" s="159"/>
      <c r="CD2" s="152">
        <v>29</v>
      </c>
      <c r="CE2" s="139"/>
      <c r="CF2" s="139"/>
      <c r="CG2" s="139"/>
      <c r="CH2" s="139"/>
      <c r="CI2" s="153"/>
      <c r="CJ2" s="155">
        <v>30</v>
      </c>
      <c r="CK2" s="139"/>
      <c r="CL2" s="139"/>
      <c r="CM2" s="139"/>
      <c r="CN2" s="139"/>
      <c r="CO2" s="159"/>
      <c r="CP2" s="152">
        <v>31</v>
      </c>
      <c r="CQ2" s="139"/>
      <c r="CR2" s="139"/>
      <c r="CS2" s="139"/>
      <c r="CT2" s="139"/>
      <c r="CU2" s="140"/>
      <c r="CV2" s="138" t="s">
        <v>64</v>
      </c>
      <c r="CW2" s="139"/>
      <c r="CX2" s="139"/>
      <c r="CY2" s="139"/>
      <c r="CZ2" s="139"/>
      <c r="DA2" s="140"/>
      <c r="DB2" s="138" t="s">
        <v>65</v>
      </c>
      <c r="DC2" s="139"/>
      <c r="DD2" s="139"/>
      <c r="DE2" s="139"/>
      <c r="DF2" s="139"/>
      <c r="DG2" s="140"/>
      <c r="DH2" s="138" t="s">
        <v>68</v>
      </c>
      <c r="DI2" s="139"/>
      <c r="DJ2" s="139"/>
      <c r="DK2" s="139"/>
      <c r="DL2" s="139"/>
      <c r="DM2" s="140"/>
      <c r="DN2" s="138" t="s">
        <v>69</v>
      </c>
      <c r="DO2" s="139"/>
      <c r="DP2" s="139"/>
      <c r="DQ2" s="139"/>
      <c r="DR2" s="139"/>
      <c r="DS2" s="140"/>
    </row>
    <row r="3" spans="1:123" x14ac:dyDescent="0.2">
      <c r="A3" s="154" t="s">
        <v>2</v>
      </c>
      <c r="B3" s="142"/>
      <c r="C3" s="142"/>
      <c r="D3" s="160" t="s">
        <v>3</v>
      </c>
      <c r="E3" s="142"/>
      <c r="F3" s="162"/>
      <c r="G3" s="160" t="s">
        <v>3</v>
      </c>
      <c r="H3" s="142"/>
      <c r="I3" s="161"/>
      <c r="J3" s="141" t="s">
        <v>3</v>
      </c>
      <c r="K3" s="142"/>
      <c r="L3" s="162"/>
      <c r="M3" s="160" t="s">
        <v>3</v>
      </c>
      <c r="N3" s="142"/>
      <c r="O3" s="161"/>
      <c r="P3" s="141" t="s">
        <v>3</v>
      </c>
      <c r="Q3" s="142"/>
      <c r="R3" s="162"/>
      <c r="S3" s="160" t="s">
        <v>3</v>
      </c>
      <c r="T3" s="142"/>
      <c r="U3" s="161"/>
      <c r="V3" s="141" t="s">
        <v>3</v>
      </c>
      <c r="W3" s="142"/>
      <c r="X3" s="162"/>
      <c r="Y3" s="160" t="s">
        <v>3</v>
      </c>
      <c r="Z3" s="142"/>
      <c r="AA3" s="161"/>
      <c r="AB3" s="141" t="s">
        <v>3</v>
      </c>
      <c r="AC3" s="142"/>
      <c r="AD3" s="162"/>
      <c r="AE3" s="160" t="s">
        <v>3</v>
      </c>
      <c r="AF3" s="142"/>
      <c r="AG3" s="161"/>
      <c r="AH3" s="141" t="s">
        <v>3</v>
      </c>
      <c r="AI3" s="142"/>
      <c r="AJ3" s="162"/>
      <c r="AK3" s="160" t="s">
        <v>3</v>
      </c>
      <c r="AL3" s="142"/>
      <c r="AM3" s="161"/>
      <c r="AN3" s="141" t="s">
        <v>3</v>
      </c>
      <c r="AO3" s="142"/>
      <c r="AP3" s="162"/>
      <c r="AQ3" s="160" t="s">
        <v>3</v>
      </c>
      <c r="AR3" s="142"/>
      <c r="AS3" s="161"/>
      <c r="AT3" s="141" t="s">
        <v>3</v>
      </c>
      <c r="AU3" s="142"/>
      <c r="AV3" s="162"/>
      <c r="AW3" s="160" t="s">
        <v>3</v>
      </c>
      <c r="AX3" s="142"/>
      <c r="AY3" s="161"/>
      <c r="AZ3" s="141" t="s">
        <v>3</v>
      </c>
      <c r="BA3" s="142"/>
      <c r="BB3" s="162"/>
      <c r="BC3" s="160" t="s">
        <v>3</v>
      </c>
      <c r="BD3" s="142"/>
      <c r="BE3" s="161"/>
      <c r="BF3" s="141" t="s">
        <v>3</v>
      </c>
      <c r="BG3" s="142"/>
      <c r="BH3" s="142"/>
      <c r="BI3" s="142"/>
      <c r="BJ3" s="142"/>
      <c r="BK3" s="162"/>
      <c r="BL3" s="160" t="s">
        <v>4</v>
      </c>
      <c r="BM3" s="142"/>
      <c r="BN3" s="142"/>
      <c r="BO3" s="142"/>
      <c r="BP3" s="142"/>
      <c r="BQ3" s="161"/>
      <c r="BR3" s="141" t="s">
        <v>4</v>
      </c>
      <c r="BS3" s="142"/>
      <c r="BT3" s="142"/>
      <c r="BU3" s="142"/>
      <c r="BV3" s="142"/>
      <c r="BW3" s="162"/>
      <c r="BX3" s="160" t="s">
        <v>4</v>
      </c>
      <c r="BY3" s="142"/>
      <c r="BZ3" s="142"/>
      <c r="CA3" s="142"/>
      <c r="CB3" s="142"/>
      <c r="CC3" s="161"/>
      <c r="CD3" s="141" t="s">
        <v>4</v>
      </c>
      <c r="CE3" s="142"/>
      <c r="CF3" s="142"/>
      <c r="CG3" s="142"/>
      <c r="CH3" s="142"/>
      <c r="CI3" s="162"/>
      <c r="CJ3" s="160" t="s">
        <v>4</v>
      </c>
      <c r="CK3" s="142"/>
      <c r="CL3" s="142"/>
      <c r="CM3" s="142"/>
      <c r="CN3" s="142"/>
      <c r="CO3" s="161"/>
      <c r="CP3" s="141" t="s">
        <v>4</v>
      </c>
      <c r="CQ3" s="142"/>
      <c r="CR3" s="142"/>
      <c r="CS3" s="142"/>
      <c r="CT3" s="142"/>
      <c r="CU3" s="143"/>
      <c r="CV3" s="141" t="s">
        <v>4</v>
      </c>
      <c r="CW3" s="142"/>
      <c r="CX3" s="142"/>
      <c r="CY3" s="142"/>
      <c r="CZ3" s="142"/>
      <c r="DA3" s="143"/>
      <c r="DB3" s="141" t="s">
        <v>4</v>
      </c>
      <c r="DC3" s="142"/>
      <c r="DD3" s="142"/>
      <c r="DE3" s="142"/>
      <c r="DF3" s="142"/>
      <c r="DG3" s="143"/>
      <c r="DH3" s="141" t="s">
        <v>4</v>
      </c>
      <c r="DI3" s="142"/>
      <c r="DJ3" s="142"/>
      <c r="DK3" s="142"/>
      <c r="DL3" s="142"/>
      <c r="DM3" s="143"/>
      <c r="DN3" s="141" t="s">
        <v>4</v>
      </c>
      <c r="DO3" s="142"/>
      <c r="DP3" s="142"/>
      <c r="DQ3" s="142"/>
      <c r="DR3" s="142"/>
      <c r="DS3" s="143"/>
    </row>
    <row r="4" spans="1:123" s="2" customFormat="1" ht="15.75" customHeight="1" x14ac:dyDescent="0.2">
      <c r="A4" s="163" t="s">
        <v>5</v>
      </c>
      <c r="B4" s="164"/>
      <c r="C4" s="167" t="s">
        <v>6</v>
      </c>
      <c r="D4" s="168" t="s">
        <v>7</v>
      </c>
      <c r="E4" s="145" t="s">
        <v>8</v>
      </c>
      <c r="F4" s="169" t="s">
        <v>9</v>
      </c>
      <c r="G4" s="168" t="s">
        <v>7</v>
      </c>
      <c r="H4" s="145" t="s">
        <v>8</v>
      </c>
      <c r="I4" s="170" t="s">
        <v>9</v>
      </c>
      <c r="J4" s="144" t="s">
        <v>7</v>
      </c>
      <c r="K4" s="145" t="s">
        <v>8</v>
      </c>
      <c r="L4" s="169" t="s">
        <v>9</v>
      </c>
      <c r="M4" s="168" t="s">
        <v>7</v>
      </c>
      <c r="N4" s="145" t="s">
        <v>8</v>
      </c>
      <c r="O4" s="170" t="s">
        <v>9</v>
      </c>
      <c r="P4" s="144" t="s">
        <v>7</v>
      </c>
      <c r="Q4" s="145" t="s">
        <v>8</v>
      </c>
      <c r="R4" s="169" t="s">
        <v>9</v>
      </c>
      <c r="S4" s="168" t="s">
        <v>7</v>
      </c>
      <c r="T4" s="145" t="s">
        <v>8</v>
      </c>
      <c r="U4" s="170" t="s">
        <v>9</v>
      </c>
      <c r="V4" s="144" t="s">
        <v>7</v>
      </c>
      <c r="W4" s="145" t="s">
        <v>8</v>
      </c>
      <c r="X4" s="169" t="s">
        <v>9</v>
      </c>
      <c r="Y4" s="168" t="s">
        <v>7</v>
      </c>
      <c r="Z4" s="145" t="s">
        <v>8</v>
      </c>
      <c r="AA4" s="170" t="s">
        <v>9</v>
      </c>
      <c r="AB4" s="144" t="s">
        <v>7</v>
      </c>
      <c r="AC4" s="145" t="s">
        <v>8</v>
      </c>
      <c r="AD4" s="169" t="s">
        <v>9</v>
      </c>
      <c r="AE4" s="168" t="s">
        <v>7</v>
      </c>
      <c r="AF4" s="145" t="s">
        <v>8</v>
      </c>
      <c r="AG4" s="170" t="s">
        <v>9</v>
      </c>
      <c r="AH4" s="144" t="s">
        <v>7</v>
      </c>
      <c r="AI4" s="145" t="s">
        <v>8</v>
      </c>
      <c r="AJ4" s="169" t="s">
        <v>9</v>
      </c>
      <c r="AK4" s="168" t="s">
        <v>7</v>
      </c>
      <c r="AL4" s="145" t="s">
        <v>8</v>
      </c>
      <c r="AM4" s="170" t="s">
        <v>9</v>
      </c>
      <c r="AN4" s="144" t="s">
        <v>7</v>
      </c>
      <c r="AO4" s="145" t="s">
        <v>8</v>
      </c>
      <c r="AP4" s="169" t="s">
        <v>9</v>
      </c>
      <c r="AQ4" s="168" t="s">
        <v>7</v>
      </c>
      <c r="AR4" s="145" t="s">
        <v>8</v>
      </c>
      <c r="AS4" s="170" t="s">
        <v>9</v>
      </c>
      <c r="AT4" s="144" t="s">
        <v>7</v>
      </c>
      <c r="AU4" s="145" t="s">
        <v>8</v>
      </c>
      <c r="AV4" s="169" t="s">
        <v>9</v>
      </c>
      <c r="AW4" s="168" t="s">
        <v>7</v>
      </c>
      <c r="AX4" s="145" t="s">
        <v>8</v>
      </c>
      <c r="AY4" s="170" t="s">
        <v>9</v>
      </c>
      <c r="AZ4" s="144" t="s">
        <v>7</v>
      </c>
      <c r="BA4" s="145" t="s">
        <v>8</v>
      </c>
      <c r="BB4" s="169" t="s">
        <v>9</v>
      </c>
      <c r="BC4" s="168" t="s">
        <v>7</v>
      </c>
      <c r="BD4" s="145" t="s">
        <v>8</v>
      </c>
      <c r="BE4" s="170" t="s">
        <v>9</v>
      </c>
      <c r="BF4" s="144" t="s">
        <v>7</v>
      </c>
      <c r="BG4" s="145"/>
      <c r="BH4" s="145" t="s">
        <v>8</v>
      </c>
      <c r="BI4" s="145"/>
      <c r="BJ4" s="146" t="s">
        <v>9</v>
      </c>
      <c r="BK4" s="177"/>
      <c r="BL4" s="168" t="s">
        <v>7</v>
      </c>
      <c r="BM4" s="145"/>
      <c r="BN4" s="145" t="s">
        <v>8</v>
      </c>
      <c r="BO4" s="145"/>
      <c r="BP4" s="146" t="s">
        <v>9</v>
      </c>
      <c r="BQ4" s="178"/>
      <c r="BR4" s="144" t="s">
        <v>7</v>
      </c>
      <c r="BS4" s="145"/>
      <c r="BT4" s="145" t="s">
        <v>8</v>
      </c>
      <c r="BU4" s="145"/>
      <c r="BV4" s="146" t="s">
        <v>9</v>
      </c>
      <c r="BW4" s="177"/>
      <c r="BX4" s="168" t="s">
        <v>7</v>
      </c>
      <c r="BY4" s="145"/>
      <c r="BZ4" s="145" t="s">
        <v>8</v>
      </c>
      <c r="CA4" s="145"/>
      <c r="CB4" s="146" t="s">
        <v>9</v>
      </c>
      <c r="CC4" s="178"/>
      <c r="CD4" s="144" t="s">
        <v>7</v>
      </c>
      <c r="CE4" s="145"/>
      <c r="CF4" s="145" t="s">
        <v>8</v>
      </c>
      <c r="CG4" s="145"/>
      <c r="CH4" s="146" t="s">
        <v>9</v>
      </c>
      <c r="CI4" s="177"/>
      <c r="CJ4" s="168" t="s">
        <v>7</v>
      </c>
      <c r="CK4" s="145"/>
      <c r="CL4" s="145" t="s">
        <v>8</v>
      </c>
      <c r="CM4" s="145"/>
      <c r="CN4" s="146" t="s">
        <v>9</v>
      </c>
      <c r="CO4" s="178"/>
      <c r="CP4" s="144" t="s">
        <v>7</v>
      </c>
      <c r="CQ4" s="145"/>
      <c r="CR4" s="145" t="s">
        <v>8</v>
      </c>
      <c r="CS4" s="145"/>
      <c r="CT4" s="146" t="s">
        <v>9</v>
      </c>
      <c r="CU4" s="147"/>
      <c r="CV4" s="144" t="s">
        <v>7</v>
      </c>
      <c r="CW4" s="145"/>
      <c r="CX4" s="145" t="s">
        <v>8</v>
      </c>
      <c r="CY4" s="145"/>
      <c r="CZ4" s="146" t="s">
        <v>9</v>
      </c>
      <c r="DA4" s="147"/>
      <c r="DB4" s="144" t="s">
        <v>7</v>
      </c>
      <c r="DC4" s="145"/>
      <c r="DD4" s="145" t="s">
        <v>8</v>
      </c>
      <c r="DE4" s="145"/>
      <c r="DF4" s="146" t="s">
        <v>9</v>
      </c>
      <c r="DG4" s="147"/>
      <c r="DH4" s="144" t="s">
        <v>7</v>
      </c>
      <c r="DI4" s="145"/>
      <c r="DJ4" s="145" t="s">
        <v>8</v>
      </c>
      <c r="DK4" s="145"/>
      <c r="DL4" s="146" t="s">
        <v>9</v>
      </c>
      <c r="DM4" s="147"/>
      <c r="DN4" s="144" t="s">
        <v>7</v>
      </c>
      <c r="DO4" s="145"/>
      <c r="DP4" s="145" t="s">
        <v>8</v>
      </c>
      <c r="DQ4" s="145"/>
      <c r="DR4" s="146" t="s">
        <v>9</v>
      </c>
      <c r="DS4" s="147"/>
    </row>
    <row r="5" spans="1:123" s="2" customFormat="1" ht="15.75" customHeight="1" x14ac:dyDescent="0.2">
      <c r="A5" s="165"/>
      <c r="B5" s="166"/>
      <c r="C5" s="167"/>
      <c r="D5" s="168"/>
      <c r="E5" s="145"/>
      <c r="F5" s="169"/>
      <c r="G5" s="168"/>
      <c r="H5" s="145"/>
      <c r="I5" s="170"/>
      <c r="J5" s="144"/>
      <c r="K5" s="145"/>
      <c r="L5" s="169"/>
      <c r="M5" s="168"/>
      <c r="N5" s="145"/>
      <c r="O5" s="170"/>
      <c r="P5" s="144"/>
      <c r="Q5" s="145"/>
      <c r="R5" s="169"/>
      <c r="S5" s="168"/>
      <c r="T5" s="145"/>
      <c r="U5" s="170"/>
      <c r="V5" s="144"/>
      <c r="W5" s="145"/>
      <c r="X5" s="169"/>
      <c r="Y5" s="168"/>
      <c r="Z5" s="145"/>
      <c r="AA5" s="170"/>
      <c r="AB5" s="144"/>
      <c r="AC5" s="145"/>
      <c r="AD5" s="169"/>
      <c r="AE5" s="168"/>
      <c r="AF5" s="145"/>
      <c r="AG5" s="170"/>
      <c r="AH5" s="144"/>
      <c r="AI5" s="145"/>
      <c r="AJ5" s="169"/>
      <c r="AK5" s="168"/>
      <c r="AL5" s="145"/>
      <c r="AM5" s="170"/>
      <c r="AN5" s="144"/>
      <c r="AO5" s="145"/>
      <c r="AP5" s="169"/>
      <c r="AQ5" s="168"/>
      <c r="AR5" s="145"/>
      <c r="AS5" s="170"/>
      <c r="AT5" s="144"/>
      <c r="AU5" s="145"/>
      <c r="AV5" s="169"/>
      <c r="AW5" s="168"/>
      <c r="AX5" s="145"/>
      <c r="AY5" s="170"/>
      <c r="AZ5" s="144"/>
      <c r="BA5" s="145"/>
      <c r="BB5" s="169"/>
      <c r="BC5" s="168"/>
      <c r="BD5" s="145"/>
      <c r="BE5" s="170"/>
      <c r="BF5" s="3" t="s">
        <v>10</v>
      </c>
      <c r="BG5" s="4" t="s">
        <v>11</v>
      </c>
      <c r="BH5" s="5" t="s">
        <v>10</v>
      </c>
      <c r="BI5" s="4" t="s">
        <v>11</v>
      </c>
      <c r="BJ5" s="6" t="s">
        <v>10</v>
      </c>
      <c r="BK5" s="7" t="s">
        <v>11</v>
      </c>
      <c r="BL5" s="8" t="s">
        <v>10</v>
      </c>
      <c r="BM5" s="4" t="s">
        <v>11</v>
      </c>
      <c r="BN5" s="5" t="s">
        <v>10</v>
      </c>
      <c r="BO5" s="4" t="s">
        <v>11</v>
      </c>
      <c r="BP5" s="6" t="s">
        <v>10</v>
      </c>
      <c r="BQ5" s="9" t="s">
        <v>11</v>
      </c>
      <c r="BR5" s="3" t="s">
        <v>10</v>
      </c>
      <c r="BS5" s="4" t="s">
        <v>11</v>
      </c>
      <c r="BT5" s="5" t="s">
        <v>10</v>
      </c>
      <c r="BU5" s="4" t="s">
        <v>11</v>
      </c>
      <c r="BV5" s="6" t="s">
        <v>10</v>
      </c>
      <c r="BW5" s="7" t="s">
        <v>11</v>
      </c>
      <c r="BX5" s="8" t="s">
        <v>10</v>
      </c>
      <c r="BY5" s="4" t="s">
        <v>11</v>
      </c>
      <c r="BZ5" s="5" t="s">
        <v>10</v>
      </c>
      <c r="CA5" s="4" t="s">
        <v>11</v>
      </c>
      <c r="CB5" s="6" t="s">
        <v>10</v>
      </c>
      <c r="CC5" s="9" t="s">
        <v>11</v>
      </c>
      <c r="CD5" s="3" t="s">
        <v>10</v>
      </c>
      <c r="CE5" s="4" t="s">
        <v>11</v>
      </c>
      <c r="CF5" s="5" t="s">
        <v>10</v>
      </c>
      <c r="CG5" s="4" t="s">
        <v>11</v>
      </c>
      <c r="CH5" s="6" t="s">
        <v>10</v>
      </c>
      <c r="CI5" s="7" t="s">
        <v>11</v>
      </c>
      <c r="CJ5" s="8" t="s">
        <v>10</v>
      </c>
      <c r="CK5" s="4" t="s">
        <v>11</v>
      </c>
      <c r="CL5" s="5" t="s">
        <v>10</v>
      </c>
      <c r="CM5" s="4" t="s">
        <v>11</v>
      </c>
      <c r="CN5" s="6" t="s">
        <v>10</v>
      </c>
      <c r="CO5" s="9" t="s">
        <v>11</v>
      </c>
      <c r="CP5" s="3" t="s">
        <v>10</v>
      </c>
      <c r="CQ5" s="4" t="s">
        <v>11</v>
      </c>
      <c r="CR5" s="5" t="s">
        <v>10</v>
      </c>
      <c r="CS5" s="4" t="s">
        <v>11</v>
      </c>
      <c r="CT5" s="6" t="s">
        <v>10</v>
      </c>
      <c r="CU5" s="10" t="s">
        <v>11</v>
      </c>
      <c r="CV5" s="3" t="s">
        <v>10</v>
      </c>
      <c r="CW5" s="128" t="s">
        <v>11</v>
      </c>
      <c r="CX5" s="5" t="s">
        <v>10</v>
      </c>
      <c r="CY5" s="128" t="s">
        <v>11</v>
      </c>
      <c r="CZ5" s="6" t="s">
        <v>10</v>
      </c>
      <c r="DA5" s="129" t="s">
        <v>11</v>
      </c>
      <c r="DB5" s="3" t="s">
        <v>10</v>
      </c>
      <c r="DC5" s="130" t="s">
        <v>11</v>
      </c>
      <c r="DD5" s="5" t="s">
        <v>10</v>
      </c>
      <c r="DE5" s="130" t="s">
        <v>11</v>
      </c>
      <c r="DF5" s="6" t="s">
        <v>10</v>
      </c>
      <c r="DG5" s="131" t="s">
        <v>11</v>
      </c>
      <c r="DH5" s="3" t="s">
        <v>10</v>
      </c>
      <c r="DI5" s="133" t="s">
        <v>11</v>
      </c>
      <c r="DJ5" s="5" t="s">
        <v>10</v>
      </c>
      <c r="DK5" s="133" t="s">
        <v>11</v>
      </c>
      <c r="DL5" s="6" t="s">
        <v>10</v>
      </c>
      <c r="DM5" s="134" t="s">
        <v>11</v>
      </c>
      <c r="DN5" s="3" t="s">
        <v>10</v>
      </c>
      <c r="DO5" s="125" t="s">
        <v>11</v>
      </c>
      <c r="DP5" s="5" t="s">
        <v>10</v>
      </c>
      <c r="DQ5" s="125" t="s">
        <v>11</v>
      </c>
      <c r="DR5" s="6" t="s">
        <v>10</v>
      </c>
      <c r="DS5" s="126" t="s">
        <v>11</v>
      </c>
    </row>
    <row r="6" spans="1:123" x14ac:dyDescent="0.2">
      <c r="A6" s="171" t="s">
        <v>12</v>
      </c>
      <c r="B6" s="172"/>
      <c r="C6" s="121" t="s">
        <v>61</v>
      </c>
      <c r="D6" s="14">
        <v>124655498</v>
      </c>
      <c r="E6" s="12">
        <v>17913004</v>
      </c>
      <c r="F6" s="13">
        <v>14.4</v>
      </c>
      <c r="G6" s="14">
        <v>124914373</v>
      </c>
      <c r="H6" s="12">
        <v>18617298</v>
      </c>
      <c r="I6" s="15">
        <v>14.9</v>
      </c>
      <c r="J6" s="11">
        <v>125257061</v>
      </c>
      <c r="K6" s="12">
        <v>19333231</v>
      </c>
      <c r="L6" s="13">
        <v>15.4</v>
      </c>
      <c r="M6" s="14">
        <v>125568035</v>
      </c>
      <c r="N6" s="12">
        <v>20124226</v>
      </c>
      <c r="O6" s="15">
        <v>16</v>
      </c>
      <c r="P6" s="11">
        <v>125860006</v>
      </c>
      <c r="Q6" s="12">
        <v>20807262</v>
      </c>
      <c r="R6" s="13">
        <v>16.5</v>
      </c>
      <c r="S6" s="14">
        <v>126071305</v>
      </c>
      <c r="T6" s="12">
        <v>21522783</v>
      </c>
      <c r="U6" s="15">
        <v>17.100000000000001</v>
      </c>
      <c r="V6" s="11">
        <v>126284805</v>
      </c>
      <c r="W6" s="12">
        <v>22343007</v>
      </c>
      <c r="X6" s="13">
        <v>17.7</v>
      </c>
      <c r="Y6" s="14">
        <v>126478672</v>
      </c>
      <c r="Z6" s="12">
        <v>23083204</v>
      </c>
      <c r="AA6" s="15">
        <v>18.3</v>
      </c>
      <c r="AB6" s="11">
        <v>126688364</v>
      </c>
      <c r="AC6" s="12">
        <v>23848786</v>
      </c>
      <c r="AD6" s="13">
        <v>18.8</v>
      </c>
      <c r="AE6" s="14">
        <v>126824166</v>
      </c>
      <c r="AF6" s="12">
        <v>24403257</v>
      </c>
      <c r="AG6" s="15">
        <v>19.2</v>
      </c>
      <c r="AH6" s="11">
        <v>127058530</v>
      </c>
      <c r="AI6" s="12">
        <v>25021054</v>
      </c>
      <c r="AJ6" s="13">
        <v>19.7</v>
      </c>
      <c r="AK6" s="14">
        <v>127055025</v>
      </c>
      <c r="AL6" s="12">
        <v>25792190</v>
      </c>
      <c r="AM6" s="15">
        <v>20.3</v>
      </c>
      <c r="AN6" s="11">
        <v>127053471</v>
      </c>
      <c r="AO6" s="12">
        <v>26675163</v>
      </c>
      <c r="AP6" s="13">
        <v>21</v>
      </c>
      <c r="AQ6" s="14">
        <v>127066178</v>
      </c>
      <c r="AR6" s="12">
        <v>27411466</v>
      </c>
      <c r="AS6" s="15">
        <v>21.6</v>
      </c>
      <c r="AT6" s="11">
        <v>127076183</v>
      </c>
      <c r="AU6" s="12">
        <v>28220227</v>
      </c>
      <c r="AV6" s="13">
        <v>22.2</v>
      </c>
      <c r="AW6" s="14">
        <v>127057860</v>
      </c>
      <c r="AX6" s="12">
        <v>28815916</v>
      </c>
      <c r="AY6" s="15">
        <v>22.7</v>
      </c>
      <c r="AZ6" s="16">
        <v>126923410</v>
      </c>
      <c r="BA6" s="12">
        <v>29009716</v>
      </c>
      <c r="BB6" s="17">
        <v>22.9</v>
      </c>
      <c r="BC6" s="14">
        <v>126659683</v>
      </c>
      <c r="BD6" s="18">
        <v>29674852</v>
      </c>
      <c r="BE6" s="19">
        <v>23.4</v>
      </c>
      <c r="BF6" s="11">
        <v>126393679</v>
      </c>
      <c r="BG6" s="12">
        <v>128373879</v>
      </c>
      <c r="BH6" s="12">
        <v>30834268</v>
      </c>
      <c r="BI6" s="18">
        <v>30968259</v>
      </c>
      <c r="BJ6" s="20">
        <v>24.4</v>
      </c>
      <c r="BK6" s="13">
        <v>24.1</v>
      </c>
      <c r="BL6" s="14">
        <v>126434634</v>
      </c>
      <c r="BM6" s="12">
        <v>128438013</v>
      </c>
      <c r="BN6" s="18">
        <v>31582416</v>
      </c>
      <c r="BO6" s="12">
        <v>31720283</v>
      </c>
      <c r="BP6" s="21">
        <v>25</v>
      </c>
      <c r="BQ6" s="22">
        <v>24.7</v>
      </c>
      <c r="BR6" s="11">
        <v>126163576</v>
      </c>
      <c r="BS6" s="12">
        <v>128226483</v>
      </c>
      <c r="BT6" s="18">
        <v>32680764</v>
      </c>
      <c r="BU6" s="12">
        <v>32824841</v>
      </c>
      <c r="BV6" s="21">
        <v>25.9</v>
      </c>
      <c r="BW6" s="13">
        <v>25.6</v>
      </c>
      <c r="BX6" s="14">
        <v>125891742</v>
      </c>
      <c r="BY6" s="12">
        <v>128066211</v>
      </c>
      <c r="BZ6" s="18">
        <v>33471594</v>
      </c>
      <c r="CA6" s="12">
        <v>33621722</v>
      </c>
      <c r="CB6" s="21">
        <v>26.6</v>
      </c>
      <c r="CC6" s="15">
        <v>26.3</v>
      </c>
      <c r="CD6" s="11">
        <v>125583658</v>
      </c>
      <c r="CE6" s="12">
        <v>127907086</v>
      </c>
      <c r="CF6" s="18">
        <v>34116389</v>
      </c>
      <c r="CG6" s="12">
        <v>34272983</v>
      </c>
      <c r="CH6" s="21">
        <v>27.2</v>
      </c>
      <c r="CI6" s="13">
        <v>26.8</v>
      </c>
      <c r="CJ6" s="14">
        <v>125209603</v>
      </c>
      <c r="CK6" s="12">
        <v>127707259</v>
      </c>
      <c r="CL6" s="18">
        <v>34629983</v>
      </c>
      <c r="CM6" s="12">
        <v>34793745</v>
      </c>
      <c r="CN6" s="21">
        <v>27.7</v>
      </c>
      <c r="CO6" s="15">
        <v>27.2</v>
      </c>
      <c r="CP6" s="11">
        <v>124776364</v>
      </c>
      <c r="CQ6" s="12">
        <v>127443563</v>
      </c>
      <c r="CR6" s="12">
        <v>35014064</v>
      </c>
      <c r="CS6" s="12">
        <v>35185241</v>
      </c>
      <c r="CT6" s="21">
        <v>28.1</v>
      </c>
      <c r="CU6" s="23">
        <v>27.6</v>
      </c>
      <c r="CV6" s="11">
        <v>124271318</v>
      </c>
      <c r="CW6" s="12">
        <v>127138033</v>
      </c>
      <c r="CX6" s="12">
        <v>35307386</v>
      </c>
      <c r="CY6" s="12">
        <v>35486813</v>
      </c>
      <c r="CZ6" s="21">
        <f>ROUND(CX6/CV6*100,1)</f>
        <v>28.4</v>
      </c>
      <c r="DA6" s="23">
        <f>ROUND(CY6/CW6*100,1)</f>
        <v>27.9</v>
      </c>
      <c r="DB6" s="11">
        <v>123842701</v>
      </c>
      <c r="DC6" s="12">
        <v>126654244</v>
      </c>
      <c r="DD6" s="12">
        <v>35581845</v>
      </c>
      <c r="DE6" s="12">
        <v>35768503</v>
      </c>
      <c r="DF6" s="21">
        <v>28.7</v>
      </c>
      <c r="DG6" s="23">
        <v>28.2</v>
      </c>
      <c r="DH6" s="11">
        <v>123223561</v>
      </c>
      <c r="DI6" s="12">
        <v>125927902</v>
      </c>
      <c r="DJ6" s="12">
        <v>35735422</v>
      </c>
      <c r="DK6" s="12">
        <v>35929389</v>
      </c>
      <c r="DL6" s="21">
        <f>DJ6/DH6*100</f>
        <v>29.000478244578566</v>
      </c>
      <c r="DM6" s="23">
        <f>DK6/DI6*100</f>
        <v>28.531714123213135</v>
      </c>
      <c r="DN6" s="11">
        <v>122423038</v>
      </c>
      <c r="DO6" s="12">
        <v>125416877</v>
      </c>
      <c r="DP6" s="12">
        <v>35685383</v>
      </c>
      <c r="DQ6" s="12">
        <v>35888947</v>
      </c>
      <c r="DR6" s="21">
        <f>DP6/DN6*100</f>
        <v>29.149238234065063</v>
      </c>
      <c r="DS6" s="23">
        <f>DQ6/DO6*100</f>
        <v>28.615723703596924</v>
      </c>
    </row>
    <row r="7" spans="1:123" x14ac:dyDescent="0.2">
      <c r="A7" s="171"/>
      <c r="B7" s="172"/>
      <c r="C7" s="123" t="s">
        <v>62</v>
      </c>
      <c r="D7" s="27">
        <v>61235468</v>
      </c>
      <c r="E7" s="25">
        <v>7343894</v>
      </c>
      <c r="F7" s="26">
        <v>12</v>
      </c>
      <c r="G7" s="27">
        <v>61341056</v>
      </c>
      <c r="H7" s="25">
        <v>7659339</v>
      </c>
      <c r="I7" s="28">
        <v>12.5</v>
      </c>
      <c r="J7" s="24">
        <v>61492904</v>
      </c>
      <c r="K7" s="25">
        <v>7983151</v>
      </c>
      <c r="L7" s="26">
        <v>13</v>
      </c>
      <c r="M7" s="27">
        <v>61621814</v>
      </c>
      <c r="N7" s="25">
        <v>8339645</v>
      </c>
      <c r="O7" s="28">
        <v>13.5</v>
      </c>
      <c r="P7" s="24">
        <v>61747428</v>
      </c>
      <c r="Q7" s="25">
        <v>8645318</v>
      </c>
      <c r="R7" s="26">
        <v>14</v>
      </c>
      <c r="S7" s="27">
        <v>61825833</v>
      </c>
      <c r="T7" s="25">
        <v>8965585</v>
      </c>
      <c r="U7" s="28">
        <v>14.5</v>
      </c>
      <c r="V7" s="24">
        <v>61902999</v>
      </c>
      <c r="W7" s="25">
        <v>9337426</v>
      </c>
      <c r="X7" s="26">
        <v>15.1</v>
      </c>
      <c r="Y7" s="27">
        <v>61971305</v>
      </c>
      <c r="Z7" s="25">
        <v>9671085</v>
      </c>
      <c r="AA7" s="28">
        <v>15.6</v>
      </c>
      <c r="AB7" s="24">
        <v>62050289</v>
      </c>
      <c r="AC7" s="25">
        <v>10017375</v>
      </c>
      <c r="AD7" s="26">
        <v>16.100000000000001</v>
      </c>
      <c r="AE7" s="27">
        <v>62087338</v>
      </c>
      <c r="AF7" s="25">
        <v>10264113</v>
      </c>
      <c r="AG7" s="28">
        <v>16.5</v>
      </c>
      <c r="AH7" s="24">
        <v>62076658</v>
      </c>
      <c r="AI7" s="25">
        <v>10540038</v>
      </c>
      <c r="AJ7" s="26">
        <v>17</v>
      </c>
      <c r="AK7" s="27">
        <v>62155231</v>
      </c>
      <c r="AL7" s="25">
        <v>10890959</v>
      </c>
      <c r="AM7" s="28">
        <v>17.5</v>
      </c>
      <c r="AN7" s="24">
        <v>62129560</v>
      </c>
      <c r="AO7" s="25">
        <v>11299178</v>
      </c>
      <c r="AP7" s="26">
        <v>18.2</v>
      </c>
      <c r="AQ7" s="27">
        <v>62117295</v>
      </c>
      <c r="AR7" s="25">
        <v>11634379</v>
      </c>
      <c r="AS7" s="28">
        <v>18.7</v>
      </c>
      <c r="AT7" s="24">
        <v>62105515</v>
      </c>
      <c r="AU7" s="25">
        <v>12003525</v>
      </c>
      <c r="AV7" s="26">
        <v>19.3</v>
      </c>
      <c r="AW7" s="27">
        <v>62080435</v>
      </c>
      <c r="AX7" s="25">
        <v>12270844</v>
      </c>
      <c r="AY7" s="28">
        <v>19.8</v>
      </c>
      <c r="AZ7" s="29">
        <v>61994174</v>
      </c>
      <c r="BA7" s="25">
        <v>12347639</v>
      </c>
      <c r="BB7" s="30">
        <v>19.899999999999999</v>
      </c>
      <c r="BC7" s="27">
        <v>61842865</v>
      </c>
      <c r="BD7" s="31">
        <v>12662108</v>
      </c>
      <c r="BE7" s="32">
        <v>20.5</v>
      </c>
      <c r="BF7" s="24">
        <v>61694085</v>
      </c>
      <c r="BG7" s="25">
        <v>62588804</v>
      </c>
      <c r="BH7" s="25">
        <v>13221471</v>
      </c>
      <c r="BI7" s="31">
        <v>13279179</v>
      </c>
      <c r="BJ7" s="33">
        <v>21.4</v>
      </c>
      <c r="BK7" s="26">
        <v>21.2</v>
      </c>
      <c r="BL7" s="27">
        <v>61727463</v>
      </c>
      <c r="BM7" s="25">
        <v>62638172</v>
      </c>
      <c r="BN7" s="31">
        <v>13584633</v>
      </c>
      <c r="BO7" s="25">
        <v>13643977</v>
      </c>
      <c r="BP7" s="34">
        <v>22</v>
      </c>
      <c r="BQ7" s="35">
        <v>21.8</v>
      </c>
      <c r="BR7" s="24">
        <v>61584613</v>
      </c>
      <c r="BS7" s="25">
        <v>62534401</v>
      </c>
      <c r="BT7" s="31">
        <v>14108713</v>
      </c>
      <c r="BU7" s="25">
        <v>14170911</v>
      </c>
      <c r="BV7" s="34">
        <v>22.9</v>
      </c>
      <c r="BW7" s="26">
        <v>22.7</v>
      </c>
      <c r="BX7" s="27">
        <v>61444444</v>
      </c>
      <c r="BY7" s="25">
        <v>62464685</v>
      </c>
      <c r="BZ7" s="31">
        <v>14490389</v>
      </c>
      <c r="CA7" s="25">
        <v>14555210</v>
      </c>
      <c r="CB7" s="34">
        <v>23.6</v>
      </c>
      <c r="CC7" s="28">
        <v>23.3</v>
      </c>
      <c r="CD7" s="24">
        <v>61290165</v>
      </c>
      <c r="CE7" s="25">
        <v>62394275</v>
      </c>
      <c r="CF7" s="31">
        <v>14796386</v>
      </c>
      <c r="CG7" s="25">
        <v>14864006</v>
      </c>
      <c r="CH7" s="34">
        <v>24.1</v>
      </c>
      <c r="CI7" s="26">
        <v>23.8</v>
      </c>
      <c r="CJ7" s="27">
        <v>61098245</v>
      </c>
      <c r="CK7" s="25">
        <v>62298889</v>
      </c>
      <c r="CL7" s="31">
        <v>15038765</v>
      </c>
      <c r="CM7" s="25">
        <v>15109304</v>
      </c>
      <c r="CN7" s="34">
        <v>24.6</v>
      </c>
      <c r="CO7" s="28">
        <v>24.3</v>
      </c>
      <c r="CP7" s="24">
        <v>60878859</v>
      </c>
      <c r="CQ7" s="25">
        <v>62174142</v>
      </c>
      <c r="CR7" s="25">
        <v>15219217</v>
      </c>
      <c r="CS7" s="25">
        <v>15292789</v>
      </c>
      <c r="CT7" s="34">
        <v>25</v>
      </c>
      <c r="CU7" s="36">
        <v>24.6</v>
      </c>
      <c r="CV7" s="24">
        <v>60624340</v>
      </c>
      <c r="CW7" s="25">
        <v>62036028</v>
      </c>
      <c r="CX7" s="25">
        <v>15359577</v>
      </c>
      <c r="CY7" s="25">
        <v>15436335</v>
      </c>
      <c r="CZ7" s="34">
        <f t="shared" ref="CZ7:CZ70" si="0">ROUND(CX7/CV7*100,1)</f>
        <v>25.3</v>
      </c>
      <c r="DA7" s="36">
        <f t="shared" ref="DA7:DA70" si="1">ROUND(CY7/CW7*100,1)</f>
        <v>24.9</v>
      </c>
      <c r="DB7" s="24">
        <v>60408305</v>
      </c>
      <c r="DC7" s="25">
        <v>61797907</v>
      </c>
      <c r="DD7" s="25">
        <v>15488275</v>
      </c>
      <c r="DE7" s="25">
        <v>15567512</v>
      </c>
      <c r="DF7" s="34">
        <v>25.6</v>
      </c>
      <c r="DG7" s="36">
        <v>25.2</v>
      </c>
      <c r="DH7" s="24">
        <v>60093419</v>
      </c>
      <c r="DI7" s="25">
        <v>61420626</v>
      </c>
      <c r="DJ7" s="25">
        <v>15557270</v>
      </c>
      <c r="DK7" s="25">
        <v>15638931</v>
      </c>
      <c r="DL7" s="34">
        <f t="shared" ref="DL7:DL70" si="2">DJ7/DH7*100</f>
        <v>25.88847540859674</v>
      </c>
      <c r="DM7" s="36">
        <f t="shared" ref="DM7:DM70" si="3">DK7/DI7*100</f>
        <v>25.462018247746286</v>
      </c>
      <c r="DN7" s="24">
        <v>59691294</v>
      </c>
      <c r="DO7" s="25">
        <v>61175768</v>
      </c>
      <c r="DP7" s="25">
        <v>15528330</v>
      </c>
      <c r="DQ7" s="25">
        <v>15613382</v>
      </c>
      <c r="DR7" s="34">
        <f t="shared" ref="DR7:DR70" si="4">DP7/DN7*100</f>
        <v>26.014396672318746</v>
      </c>
      <c r="DS7" s="36">
        <f t="shared" ref="DS7:DS70" si="5">DQ7/DO7*100</f>
        <v>25.52216753535485</v>
      </c>
    </row>
    <row r="8" spans="1:123" x14ac:dyDescent="0.2">
      <c r="A8" s="173"/>
      <c r="B8" s="174"/>
      <c r="C8" s="122" t="s">
        <v>63</v>
      </c>
      <c r="D8" s="40">
        <v>63420030</v>
      </c>
      <c r="E8" s="38">
        <v>10569110</v>
      </c>
      <c r="F8" s="39">
        <v>16.7</v>
      </c>
      <c r="G8" s="40">
        <v>63573317</v>
      </c>
      <c r="H8" s="38">
        <v>10957959</v>
      </c>
      <c r="I8" s="41">
        <v>17.2</v>
      </c>
      <c r="J8" s="37">
        <v>63764157</v>
      </c>
      <c r="K8" s="38">
        <v>11350080</v>
      </c>
      <c r="L8" s="39">
        <v>17.8</v>
      </c>
      <c r="M8" s="40">
        <v>63946221</v>
      </c>
      <c r="N8" s="38">
        <v>11784581</v>
      </c>
      <c r="O8" s="41">
        <v>18.399999999999999</v>
      </c>
      <c r="P8" s="37">
        <v>64112578</v>
      </c>
      <c r="Q8" s="38">
        <v>12161944</v>
      </c>
      <c r="R8" s="39">
        <v>19</v>
      </c>
      <c r="S8" s="40">
        <v>64245472</v>
      </c>
      <c r="T8" s="38">
        <v>12557198</v>
      </c>
      <c r="U8" s="41">
        <v>19.5</v>
      </c>
      <c r="V8" s="37">
        <v>64381806</v>
      </c>
      <c r="W8" s="38">
        <v>13005581</v>
      </c>
      <c r="X8" s="39">
        <v>20.2</v>
      </c>
      <c r="Y8" s="40">
        <v>64507367</v>
      </c>
      <c r="Z8" s="38">
        <v>13412119</v>
      </c>
      <c r="AA8" s="41">
        <v>20.8</v>
      </c>
      <c r="AB8" s="37">
        <v>64638075</v>
      </c>
      <c r="AC8" s="38">
        <v>13831411</v>
      </c>
      <c r="AD8" s="39">
        <v>21.4</v>
      </c>
      <c r="AE8" s="40">
        <v>64736828</v>
      </c>
      <c r="AF8" s="38">
        <v>14139144</v>
      </c>
      <c r="AG8" s="41">
        <v>21.8</v>
      </c>
      <c r="AH8" s="37">
        <v>64792739</v>
      </c>
      <c r="AI8" s="38">
        <v>14481016</v>
      </c>
      <c r="AJ8" s="39">
        <v>22.3</v>
      </c>
      <c r="AK8" s="40">
        <v>64899794</v>
      </c>
      <c r="AL8" s="38">
        <v>14901231</v>
      </c>
      <c r="AM8" s="41">
        <v>23</v>
      </c>
      <c r="AN8" s="37">
        <v>64923911</v>
      </c>
      <c r="AO8" s="38">
        <v>15375985</v>
      </c>
      <c r="AP8" s="39">
        <v>23.7</v>
      </c>
      <c r="AQ8" s="40">
        <v>64948883</v>
      </c>
      <c r="AR8" s="38">
        <v>15777087</v>
      </c>
      <c r="AS8" s="41">
        <v>24.3</v>
      </c>
      <c r="AT8" s="37">
        <v>64970668</v>
      </c>
      <c r="AU8" s="38">
        <v>16216702</v>
      </c>
      <c r="AV8" s="39">
        <v>25</v>
      </c>
      <c r="AW8" s="40">
        <v>64977425</v>
      </c>
      <c r="AX8" s="38">
        <v>16545072</v>
      </c>
      <c r="AY8" s="41">
        <v>25.5</v>
      </c>
      <c r="AZ8" s="42">
        <v>64929236</v>
      </c>
      <c r="BA8" s="38">
        <v>16662077</v>
      </c>
      <c r="BB8" s="43">
        <v>25.7</v>
      </c>
      <c r="BC8" s="40">
        <v>64816818</v>
      </c>
      <c r="BD8" s="44">
        <v>17012744</v>
      </c>
      <c r="BE8" s="45">
        <v>26.2</v>
      </c>
      <c r="BF8" s="37">
        <v>64699594</v>
      </c>
      <c r="BG8" s="38">
        <v>65785075</v>
      </c>
      <c r="BH8" s="38">
        <v>17612797</v>
      </c>
      <c r="BI8" s="44">
        <v>17689080</v>
      </c>
      <c r="BJ8" s="46">
        <v>27.2</v>
      </c>
      <c r="BK8" s="39">
        <v>26.9</v>
      </c>
      <c r="BL8" s="40">
        <v>64707171</v>
      </c>
      <c r="BM8" s="38">
        <v>65799841</v>
      </c>
      <c r="BN8" s="44">
        <v>17997783</v>
      </c>
      <c r="BO8" s="38">
        <v>18076306</v>
      </c>
      <c r="BP8" s="47">
        <v>27.8</v>
      </c>
      <c r="BQ8" s="48">
        <v>27.5</v>
      </c>
      <c r="BR8" s="37">
        <v>64578963</v>
      </c>
      <c r="BS8" s="38">
        <v>65692082</v>
      </c>
      <c r="BT8" s="44">
        <v>18572051</v>
      </c>
      <c r="BU8" s="38">
        <v>18653930</v>
      </c>
      <c r="BV8" s="47">
        <v>28.8</v>
      </c>
      <c r="BW8" s="39">
        <v>28.4</v>
      </c>
      <c r="BX8" s="40">
        <v>64447298</v>
      </c>
      <c r="BY8" s="38">
        <v>65601526</v>
      </c>
      <c r="BZ8" s="44">
        <v>18981205</v>
      </c>
      <c r="CA8" s="38">
        <v>19066512</v>
      </c>
      <c r="CB8" s="47">
        <v>29.5</v>
      </c>
      <c r="CC8" s="41">
        <v>29.1</v>
      </c>
      <c r="CD8" s="37">
        <v>64293493</v>
      </c>
      <c r="CE8" s="38">
        <v>65512811</v>
      </c>
      <c r="CF8" s="44">
        <v>19320003</v>
      </c>
      <c r="CG8" s="38">
        <v>19408977</v>
      </c>
      <c r="CH8" s="47">
        <v>30</v>
      </c>
      <c r="CI8" s="39">
        <v>29.6</v>
      </c>
      <c r="CJ8" s="40">
        <v>64111358</v>
      </c>
      <c r="CK8" s="38">
        <v>65408370</v>
      </c>
      <c r="CL8" s="44">
        <v>19591218</v>
      </c>
      <c r="CM8" s="38">
        <v>19684441</v>
      </c>
      <c r="CN8" s="47">
        <v>30.6</v>
      </c>
      <c r="CO8" s="41">
        <v>30.1</v>
      </c>
      <c r="CP8" s="37">
        <v>63897505</v>
      </c>
      <c r="CQ8" s="38">
        <v>65269421</v>
      </c>
      <c r="CR8" s="38">
        <v>19794847</v>
      </c>
      <c r="CS8" s="38">
        <v>19892452</v>
      </c>
      <c r="CT8" s="47">
        <v>31</v>
      </c>
      <c r="CU8" s="49">
        <v>30.5</v>
      </c>
      <c r="CV8" s="37">
        <v>63646978</v>
      </c>
      <c r="CW8" s="38">
        <v>65102005</v>
      </c>
      <c r="CX8" s="38">
        <v>19947809</v>
      </c>
      <c r="CY8" s="38">
        <v>20050478</v>
      </c>
      <c r="CZ8" s="47">
        <f t="shared" si="0"/>
        <v>31.3</v>
      </c>
      <c r="DA8" s="49">
        <f t="shared" si="1"/>
        <v>30.8</v>
      </c>
      <c r="DB8" s="37">
        <v>63434396</v>
      </c>
      <c r="DC8" s="38">
        <v>64856337</v>
      </c>
      <c r="DD8" s="38">
        <v>20093570</v>
      </c>
      <c r="DE8" s="38">
        <v>20200991</v>
      </c>
      <c r="DF8" s="47">
        <v>31.7</v>
      </c>
      <c r="DG8" s="49">
        <v>31.1</v>
      </c>
      <c r="DH8" s="37">
        <v>63130142</v>
      </c>
      <c r="DI8" s="38">
        <v>64507276</v>
      </c>
      <c r="DJ8" s="38">
        <v>20178152</v>
      </c>
      <c r="DK8" s="38">
        <v>20290458</v>
      </c>
      <c r="DL8" s="21">
        <f t="shared" si="2"/>
        <v>31.962785700687952</v>
      </c>
      <c r="DM8" s="49">
        <f t="shared" si="3"/>
        <v>31.454526152987768</v>
      </c>
      <c r="DN8" s="37">
        <v>62731744</v>
      </c>
      <c r="DO8" s="38">
        <v>64241109</v>
      </c>
      <c r="DP8" s="38">
        <v>20157053</v>
      </c>
      <c r="DQ8" s="38">
        <v>20275565</v>
      </c>
      <c r="DR8" s="21">
        <f t="shared" si="4"/>
        <v>32.132141902511115</v>
      </c>
      <c r="DS8" s="49">
        <f t="shared" si="5"/>
        <v>31.561667156150747</v>
      </c>
    </row>
    <row r="9" spans="1:123" x14ac:dyDescent="0.2">
      <c r="A9" s="175" t="s">
        <v>13</v>
      </c>
      <c r="B9" s="176"/>
      <c r="C9" s="121" t="s">
        <v>61</v>
      </c>
      <c r="D9" s="53">
        <v>5675063</v>
      </c>
      <c r="E9" s="51">
        <v>818830</v>
      </c>
      <c r="F9" s="52">
        <v>14.4</v>
      </c>
      <c r="G9" s="53">
        <v>5684842</v>
      </c>
      <c r="H9" s="51">
        <v>857594</v>
      </c>
      <c r="I9" s="54">
        <v>15.1</v>
      </c>
      <c r="J9" s="50">
        <v>5692055</v>
      </c>
      <c r="K9" s="51">
        <v>893182</v>
      </c>
      <c r="L9" s="52">
        <v>15.7</v>
      </c>
      <c r="M9" s="53">
        <v>5693495</v>
      </c>
      <c r="N9" s="51">
        <v>933046</v>
      </c>
      <c r="O9" s="54">
        <v>16.399999999999999</v>
      </c>
      <c r="P9" s="50">
        <v>5691737</v>
      </c>
      <c r="Q9" s="51">
        <v>967305</v>
      </c>
      <c r="R9" s="52">
        <v>17</v>
      </c>
      <c r="S9" s="53">
        <v>5682827</v>
      </c>
      <c r="T9" s="51">
        <v>1004543</v>
      </c>
      <c r="U9" s="54">
        <v>17.7</v>
      </c>
      <c r="V9" s="50">
        <v>5675309</v>
      </c>
      <c r="W9" s="51">
        <v>1045059</v>
      </c>
      <c r="X9" s="52">
        <v>18.399999999999999</v>
      </c>
      <c r="Y9" s="53">
        <v>5667024</v>
      </c>
      <c r="Z9" s="51">
        <v>1079398</v>
      </c>
      <c r="AA9" s="54">
        <v>19</v>
      </c>
      <c r="AB9" s="50">
        <v>5662856</v>
      </c>
      <c r="AC9" s="51">
        <v>1115974</v>
      </c>
      <c r="AD9" s="52">
        <v>19.7</v>
      </c>
      <c r="AE9" s="53">
        <v>5650573</v>
      </c>
      <c r="AF9" s="51">
        <v>1146723</v>
      </c>
      <c r="AG9" s="54">
        <v>20.3</v>
      </c>
      <c r="AH9" s="50">
        <v>5653027</v>
      </c>
      <c r="AI9" s="51">
        <v>1175308</v>
      </c>
      <c r="AJ9" s="52">
        <v>20.8</v>
      </c>
      <c r="AK9" s="53">
        <v>5629970</v>
      </c>
      <c r="AL9" s="51">
        <v>1209758</v>
      </c>
      <c r="AM9" s="54">
        <v>21.5</v>
      </c>
      <c r="AN9" s="50">
        <v>5600705</v>
      </c>
      <c r="AO9" s="51">
        <v>1247534</v>
      </c>
      <c r="AP9" s="52">
        <v>22.3</v>
      </c>
      <c r="AQ9" s="53">
        <v>5571770</v>
      </c>
      <c r="AR9" s="51">
        <v>1279457</v>
      </c>
      <c r="AS9" s="54">
        <v>23</v>
      </c>
      <c r="AT9" s="50">
        <v>5543556</v>
      </c>
      <c r="AU9" s="51">
        <v>1315443</v>
      </c>
      <c r="AV9" s="52">
        <v>23.7</v>
      </c>
      <c r="AW9" s="53">
        <v>5520894</v>
      </c>
      <c r="AX9" s="51">
        <v>1339274</v>
      </c>
      <c r="AY9" s="54">
        <v>24.3</v>
      </c>
      <c r="AZ9" s="50">
        <v>5498916</v>
      </c>
      <c r="BA9" s="51">
        <v>1353481</v>
      </c>
      <c r="BB9" s="55">
        <v>24.6</v>
      </c>
      <c r="BC9" s="53">
        <v>5474216</v>
      </c>
      <c r="BD9" s="51">
        <v>1386695</v>
      </c>
      <c r="BE9" s="54">
        <v>25.3</v>
      </c>
      <c r="BF9" s="50">
        <v>5444307</v>
      </c>
      <c r="BG9" s="51">
        <v>5465451</v>
      </c>
      <c r="BH9" s="51">
        <v>1430743</v>
      </c>
      <c r="BI9" s="51">
        <v>1431915</v>
      </c>
      <c r="BJ9" s="56">
        <v>26.3</v>
      </c>
      <c r="BK9" s="52">
        <v>26.2</v>
      </c>
      <c r="BL9" s="53">
        <v>5441079</v>
      </c>
      <c r="BM9" s="51">
        <v>5463045</v>
      </c>
      <c r="BN9" s="51">
        <v>1460774</v>
      </c>
      <c r="BO9" s="51">
        <v>1461978</v>
      </c>
      <c r="BP9" s="57">
        <v>26.8</v>
      </c>
      <c r="BQ9" s="58">
        <v>26.8</v>
      </c>
      <c r="BR9" s="50">
        <v>5408756</v>
      </c>
      <c r="BS9" s="51">
        <v>5431658</v>
      </c>
      <c r="BT9" s="51">
        <v>1513151</v>
      </c>
      <c r="BU9" s="51">
        <v>1514409</v>
      </c>
      <c r="BV9" s="57">
        <v>28</v>
      </c>
      <c r="BW9" s="52">
        <v>27.9</v>
      </c>
      <c r="BX9" s="59">
        <v>5376211</v>
      </c>
      <c r="BY9" s="51">
        <v>5401210</v>
      </c>
      <c r="BZ9" s="51">
        <v>1554240</v>
      </c>
      <c r="CA9" s="51">
        <v>1555584</v>
      </c>
      <c r="CB9" s="60">
        <v>28.9</v>
      </c>
      <c r="CC9" s="54">
        <v>28.8</v>
      </c>
      <c r="CD9" s="50">
        <v>5342618</v>
      </c>
      <c r="CE9" s="51">
        <v>5370807</v>
      </c>
      <c r="CF9" s="51">
        <v>1587834</v>
      </c>
      <c r="CG9" s="51">
        <v>1589259</v>
      </c>
      <c r="CH9" s="57">
        <v>29.7</v>
      </c>
      <c r="CI9" s="52">
        <v>29.6</v>
      </c>
      <c r="CJ9" s="53">
        <v>5307813</v>
      </c>
      <c r="CK9" s="51">
        <v>5339539</v>
      </c>
      <c r="CL9" s="51">
        <v>1617164</v>
      </c>
      <c r="CM9" s="51">
        <v>1618695</v>
      </c>
      <c r="CN9" s="57">
        <v>30.5</v>
      </c>
      <c r="CO9" s="54">
        <v>30.3</v>
      </c>
      <c r="CP9" s="50">
        <v>5268352</v>
      </c>
      <c r="CQ9" s="51">
        <v>5304413</v>
      </c>
      <c r="CR9" s="51">
        <v>1639221</v>
      </c>
      <c r="CS9" s="51">
        <v>1640866</v>
      </c>
      <c r="CT9" s="57">
        <v>31.1</v>
      </c>
      <c r="CU9" s="61">
        <v>30.9</v>
      </c>
      <c r="CV9" s="50">
        <v>5226066</v>
      </c>
      <c r="CW9" s="51">
        <v>5267762</v>
      </c>
      <c r="CX9" s="51">
        <v>1654626</v>
      </c>
      <c r="CY9" s="51">
        <v>1656347</v>
      </c>
      <c r="CZ9" s="21">
        <f t="shared" si="0"/>
        <v>31.7</v>
      </c>
      <c r="DA9" s="23">
        <f t="shared" si="1"/>
        <v>31.4</v>
      </c>
      <c r="DB9" s="50">
        <v>5190638</v>
      </c>
      <c r="DC9" s="51">
        <v>5228732</v>
      </c>
      <c r="DD9" s="51">
        <v>1667095</v>
      </c>
      <c r="DE9" s="51">
        <v>1668858</v>
      </c>
      <c r="DF9" s="21">
        <v>32.1</v>
      </c>
      <c r="DG9" s="23">
        <v>31.9</v>
      </c>
      <c r="DH9" s="50">
        <v>5148060</v>
      </c>
      <c r="DI9" s="51">
        <v>5183687</v>
      </c>
      <c r="DJ9" s="51">
        <v>1672451</v>
      </c>
      <c r="DK9" s="51">
        <v>1674286</v>
      </c>
      <c r="DL9" s="57">
        <f t="shared" si="2"/>
        <v>32.487014525860225</v>
      </c>
      <c r="DM9" s="23">
        <f t="shared" si="3"/>
        <v>32.299133801867278</v>
      </c>
      <c r="DN9" s="50">
        <v>5095703</v>
      </c>
      <c r="DO9" s="51">
        <v>5139913</v>
      </c>
      <c r="DP9" s="51">
        <v>1669002</v>
      </c>
      <c r="DQ9" s="51">
        <v>1670995</v>
      </c>
      <c r="DR9" s="57">
        <f t="shared" si="4"/>
        <v>32.753125525565366</v>
      </c>
      <c r="DS9" s="23">
        <f t="shared" si="5"/>
        <v>32.510180619788706</v>
      </c>
    </row>
    <row r="10" spans="1:123" x14ac:dyDescent="0.2">
      <c r="A10" s="175"/>
      <c r="B10" s="176"/>
      <c r="C10" s="123" t="s">
        <v>62</v>
      </c>
      <c r="D10" s="27">
        <v>2735727</v>
      </c>
      <c r="E10" s="25">
        <v>348184</v>
      </c>
      <c r="F10" s="26">
        <v>12.7</v>
      </c>
      <c r="G10" s="27">
        <v>2738798</v>
      </c>
      <c r="H10" s="25">
        <v>365553</v>
      </c>
      <c r="I10" s="28">
        <v>13.3</v>
      </c>
      <c r="J10" s="24">
        <v>2740664</v>
      </c>
      <c r="K10" s="25">
        <v>381352</v>
      </c>
      <c r="L10" s="26">
        <v>13.9</v>
      </c>
      <c r="M10" s="27">
        <v>2738046</v>
      </c>
      <c r="N10" s="25">
        <v>398882</v>
      </c>
      <c r="O10" s="28">
        <v>14.6</v>
      </c>
      <c r="P10" s="24">
        <v>2734199</v>
      </c>
      <c r="Q10" s="25">
        <v>413631</v>
      </c>
      <c r="R10" s="26">
        <v>15.1</v>
      </c>
      <c r="S10" s="27">
        <v>2726996</v>
      </c>
      <c r="T10" s="25">
        <v>429411</v>
      </c>
      <c r="U10" s="62">
        <v>15.7</v>
      </c>
      <c r="V10" s="24">
        <v>2719862</v>
      </c>
      <c r="W10" s="25">
        <v>446517</v>
      </c>
      <c r="X10" s="63">
        <v>16.399999999999999</v>
      </c>
      <c r="Y10" s="27">
        <v>2713662</v>
      </c>
      <c r="Z10" s="25">
        <v>460603</v>
      </c>
      <c r="AA10" s="62">
        <v>17</v>
      </c>
      <c r="AB10" s="24">
        <v>2709851</v>
      </c>
      <c r="AC10" s="25">
        <v>475087</v>
      </c>
      <c r="AD10" s="63">
        <v>17.5</v>
      </c>
      <c r="AE10" s="27">
        <v>2701143</v>
      </c>
      <c r="AF10" s="25">
        <v>486795</v>
      </c>
      <c r="AG10" s="62">
        <v>18</v>
      </c>
      <c r="AH10" s="24">
        <v>2688938</v>
      </c>
      <c r="AI10" s="25">
        <v>497661</v>
      </c>
      <c r="AJ10" s="63">
        <v>18.5</v>
      </c>
      <c r="AK10" s="27">
        <v>2685621</v>
      </c>
      <c r="AL10" s="25">
        <v>510654</v>
      </c>
      <c r="AM10" s="62">
        <v>19</v>
      </c>
      <c r="AN10" s="24">
        <v>2667157</v>
      </c>
      <c r="AO10" s="25">
        <v>525292</v>
      </c>
      <c r="AP10" s="63">
        <v>19.7</v>
      </c>
      <c r="AQ10" s="27">
        <v>2648735</v>
      </c>
      <c r="AR10" s="25">
        <v>537293</v>
      </c>
      <c r="AS10" s="62">
        <v>20.3</v>
      </c>
      <c r="AT10" s="24">
        <v>2631725</v>
      </c>
      <c r="AU10" s="25">
        <v>551628</v>
      </c>
      <c r="AV10" s="63">
        <v>21</v>
      </c>
      <c r="AW10" s="27">
        <v>2618969</v>
      </c>
      <c r="AX10" s="25">
        <v>560187</v>
      </c>
      <c r="AY10" s="28">
        <v>21.4</v>
      </c>
      <c r="AZ10" s="24">
        <v>2606676</v>
      </c>
      <c r="BA10" s="25">
        <v>563901</v>
      </c>
      <c r="BB10" s="63">
        <v>21.6</v>
      </c>
      <c r="BC10" s="27">
        <v>2592061</v>
      </c>
      <c r="BD10" s="25">
        <v>577214</v>
      </c>
      <c r="BE10" s="28">
        <v>22.3</v>
      </c>
      <c r="BF10" s="24">
        <v>2575066</v>
      </c>
      <c r="BG10" s="25">
        <v>2583864</v>
      </c>
      <c r="BH10" s="25">
        <v>595967</v>
      </c>
      <c r="BI10" s="25">
        <v>596514</v>
      </c>
      <c r="BJ10" s="64">
        <v>23.1</v>
      </c>
      <c r="BK10" s="26">
        <v>23.1</v>
      </c>
      <c r="BL10" s="27">
        <v>2575347</v>
      </c>
      <c r="BM10" s="25">
        <v>2584535</v>
      </c>
      <c r="BN10" s="25">
        <v>609165</v>
      </c>
      <c r="BO10" s="25">
        <v>609731</v>
      </c>
      <c r="BP10" s="34">
        <v>23.7</v>
      </c>
      <c r="BQ10" s="62">
        <v>23.6</v>
      </c>
      <c r="BR10" s="24">
        <v>2558545</v>
      </c>
      <c r="BS10" s="25">
        <v>2568237</v>
      </c>
      <c r="BT10" s="25">
        <v>631575</v>
      </c>
      <c r="BU10" s="25">
        <v>632171</v>
      </c>
      <c r="BV10" s="34">
        <v>24.7</v>
      </c>
      <c r="BW10" s="26">
        <v>24.6</v>
      </c>
      <c r="BX10" s="65">
        <v>2542092</v>
      </c>
      <c r="BY10" s="25">
        <v>2552868</v>
      </c>
      <c r="BZ10" s="25">
        <v>649504</v>
      </c>
      <c r="CA10" s="25">
        <v>650136</v>
      </c>
      <c r="CB10" s="66">
        <v>25.5</v>
      </c>
      <c r="CC10" s="28">
        <v>25.5</v>
      </c>
      <c r="CD10" s="24">
        <v>2525160</v>
      </c>
      <c r="CE10" s="25">
        <v>2537340</v>
      </c>
      <c r="CF10" s="25">
        <v>663989</v>
      </c>
      <c r="CG10" s="25">
        <v>664654</v>
      </c>
      <c r="CH10" s="34">
        <v>26.3</v>
      </c>
      <c r="CI10" s="26">
        <v>26.2</v>
      </c>
      <c r="CJ10" s="27">
        <v>2508580</v>
      </c>
      <c r="CK10" s="25">
        <v>2522526</v>
      </c>
      <c r="CL10" s="25">
        <v>676440</v>
      </c>
      <c r="CM10" s="25">
        <v>677154</v>
      </c>
      <c r="CN10" s="34">
        <v>27</v>
      </c>
      <c r="CO10" s="28">
        <v>26.8</v>
      </c>
      <c r="CP10" s="24">
        <v>2489549</v>
      </c>
      <c r="CQ10" s="25">
        <v>2505804</v>
      </c>
      <c r="CR10" s="25">
        <v>685839</v>
      </c>
      <c r="CS10" s="25">
        <v>686600</v>
      </c>
      <c r="CT10" s="34">
        <v>27.5</v>
      </c>
      <c r="CU10" s="36">
        <v>27.4</v>
      </c>
      <c r="CV10" s="24">
        <v>2469477</v>
      </c>
      <c r="CW10" s="25">
        <v>2488629</v>
      </c>
      <c r="CX10" s="25">
        <v>692547</v>
      </c>
      <c r="CY10" s="25">
        <v>693358</v>
      </c>
      <c r="CZ10" s="34">
        <f t="shared" si="0"/>
        <v>28</v>
      </c>
      <c r="DA10" s="36">
        <f t="shared" si="1"/>
        <v>27.9</v>
      </c>
      <c r="DB10" s="24">
        <v>2453444</v>
      </c>
      <c r="DC10" s="25">
        <v>2471013</v>
      </c>
      <c r="DD10" s="25">
        <v>698010</v>
      </c>
      <c r="DE10" s="25">
        <v>698835</v>
      </c>
      <c r="DF10" s="34">
        <v>28.5</v>
      </c>
      <c r="DG10" s="36">
        <v>28.3</v>
      </c>
      <c r="DH10" s="24">
        <v>2433466</v>
      </c>
      <c r="DI10" s="25">
        <v>2450393</v>
      </c>
      <c r="DJ10" s="25">
        <v>700053</v>
      </c>
      <c r="DK10" s="25">
        <v>700913</v>
      </c>
      <c r="DL10" s="34">
        <f t="shared" si="2"/>
        <v>28.767732937300135</v>
      </c>
      <c r="DM10" s="36">
        <f t="shared" si="3"/>
        <v>28.604105545518614</v>
      </c>
      <c r="DN10" s="24">
        <v>2409275</v>
      </c>
      <c r="DO10" s="25">
        <v>2430979</v>
      </c>
      <c r="DP10" s="25">
        <v>698109</v>
      </c>
      <c r="DQ10" s="25">
        <v>699043</v>
      </c>
      <c r="DR10" s="34">
        <f t="shared" si="4"/>
        <v>28.97589523819406</v>
      </c>
      <c r="DS10" s="36">
        <f t="shared" si="5"/>
        <v>28.755616564355346</v>
      </c>
    </row>
    <row r="11" spans="1:123" x14ac:dyDescent="0.2">
      <c r="A11" s="175"/>
      <c r="B11" s="176"/>
      <c r="C11" s="122" t="s">
        <v>63</v>
      </c>
      <c r="D11" s="40">
        <v>2939336</v>
      </c>
      <c r="E11" s="38">
        <v>470646</v>
      </c>
      <c r="F11" s="39">
        <v>16</v>
      </c>
      <c r="G11" s="40">
        <v>2946044</v>
      </c>
      <c r="H11" s="38">
        <v>492041</v>
      </c>
      <c r="I11" s="41">
        <v>16.7</v>
      </c>
      <c r="J11" s="37">
        <v>2951391</v>
      </c>
      <c r="K11" s="38">
        <v>511830</v>
      </c>
      <c r="L11" s="39">
        <v>17.3</v>
      </c>
      <c r="M11" s="40">
        <v>2955449</v>
      </c>
      <c r="N11" s="38">
        <v>534164</v>
      </c>
      <c r="O11" s="41">
        <v>18.100000000000001</v>
      </c>
      <c r="P11" s="37">
        <v>2957538</v>
      </c>
      <c r="Q11" s="38">
        <v>553674</v>
      </c>
      <c r="R11" s="39">
        <v>18.7</v>
      </c>
      <c r="S11" s="40">
        <v>2955831</v>
      </c>
      <c r="T11" s="38">
        <v>575132</v>
      </c>
      <c r="U11" s="67">
        <v>19.5</v>
      </c>
      <c r="V11" s="37">
        <v>2955447</v>
      </c>
      <c r="W11" s="38">
        <v>598542</v>
      </c>
      <c r="X11" s="68">
        <v>20.3</v>
      </c>
      <c r="Y11" s="40">
        <v>2953362</v>
      </c>
      <c r="Z11" s="38">
        <v>618795</v>
      </c>
      <c r="AA11" s="67">
        <v>21</v>
      </c>
      <c r="AB11" s="37">
        <v>2953005</v>
      </c>
      <c r="AC11" s="38">
        <v>640887</v>
      </c>
      <c r="AD11" s="68">
        <v>21.7</v>
      </c>
      <c r="AE11" s="40">
        <v>2949430</v>
      </c>
      <c r="AF11" s="38">
        <v>659928</v>
      </c>
      <c r="AG11" s="67">
        <v>22.4</v>
      </c>
      <c r="AH11" s="37">
        <v>2943195</v>
      </c>
      <c r="AI11" s="38">
        <v>677647</v>
      </c>
      <c r="AJ11" s="68">
        <v>23</v>
      </c>
      <c r="AK11" s="40">
        <v>2944349</v>
      </c>
      <c r="AL11" s="38">
        <v>699104</v>
      </c>
      <c r="AM11" s="67">
        <v>23.7</v>
      </c>
      <c r="AN11" s="37">
        <v>2933548</v>
      </c>
      <c r="AO11" s="38">
        <v>722242</v>
      </c>
      <c r="AP11" s="68">
        <v>24.6</v>
      </c>
      <c r="AQ11" s="40">
        <v>2923035</v>
      </c>
      <c r="AR11" s="38">
        <v>742164</v>
      </c>
      <c r="AS11" s="67">
        <v>25.4</v>
      </c>
      <c r="AT11" s="37">
        <v>2911831</v>
      </c>
      <c r="AU11" s="38">
        <v>763815</v>
      </c>
      <c r="AV11" s="68">
        <v>26.2</v>
      </c>
      <c r="AW11" s="40">
        <v>2901925</v>
      </c>
      <c r="AX11" s="38">
        <v>779087</v>
      </c>
      <c r="AY11" s="41">
        <v>26.8</v>
      </c>
      <c r="AZ11" s="37">
        <v>2892240</v>
      </c>
      <c r="BA11" s="38">
        <v>789580</v>
      </c>
      <c r="BB11" s="68">
        <v>27.3</v>
      </c>
      <c r="BC11" s="40">
        <v>2882155</v>
      </c>
      <c r="BD11" s="38">
        <v>809481</v>
      </c>
      <c r="BE11" s="41">
        <v>28.1</v>
      </c>
      <c r="BF11" s="37">
        <v>2869241</v>
      </c>
      <c r="BG11" s="38">
        <v>2881587</v>
      </c>
      <c r="BH11" s="38">
        <v>834776</v>
      </c>
      <c r="BI11" s="38">
        <v>835401</v>
      </c>
      <c r="BJ11" s="69">
        <v>29.1</v>
      </c>
      <c r="BK11" s="39">
        <v>29</v>
      </c>
      <c r="BL11" s="40">
        <v>2865732</v>
      </c>
      <c r="BM11" s="38">
        <v>2878510</v>
      </c>
      <c r="BN11" s="38">
        <v>851609</v>
      </c>
      <c r="BO11" s="38">
        <v>852247</v>
      </c>
      <c r="BP11" s="47">
        <v>29.7</v>
      </c>
      <c r="BQ11" s="67">
        <v>29.6</v>
      </c>
      <c r="BR11" s="37">
        <v>2850211</v>
      </c>
      <c r="BS11" s="38">
        <v>2863421</v>
      </c>
      <c r="BT11" s="38">
        <v>881576</v>
      </c>
      <c r="BU11" s="38">
        <v>882238</v>
      </c>
      <c r="BV11" s="47">
        <v>30.9</v>
      </c>
      <c r="BW11" s="39">
        <v>30.8</v>
      </c>
      <c r="BX11" s="70">
        <v>2834119</v>
      </c>
      <c r="BY11" s="38">
        <v>2848342</v>
      </c>
      <c r="BZ11" s="38">
        <v>904736</v>
      </c>
      <c r="CA11" s="38">
        <v>905448</v>
      </c>
      <c r="CB11" s="71">
        <v>31.9</v>
      </c>
      <c r="CC11" s="41">
        <v>31.8</v>
      </c>
      <c r="CD11" s="37">
        <v>2817458</v>
      </c>
      <c r="CE11" s="38">
        <v>2833467</v>
      </c>
      <c r="CF11" s="38">
        <v>923845</v>
      </c>
      <c r="CG11" s="38">
        <v>924605</v>
      </c>
      <c r="CH11" s="47">
        <v>32.799999999999997</v>
      </c>
      <c r="CI11" s="39">
        <v>32.6</v>
      </c>
      <c r="CJ11" s="40">
        <v>2799233</v>
      </c>
      <c r="CK11" s="38">
        <v>2817013</v>
      </c>
      <c r="CL11" s="38">
        <v>940724</v>
      </c>
      <c r="CM11" s="38">
        <v>941541</v>
      </c>
      <c r="CN11" s="47">
        <v>33.6</v>
      </c>
      <c r="CO11" s="41">
        <v>33.4</v>
      </c>
      <c r="CP11" s="37">
        <v>2778803</v>
      </c>
      <c r="CQ11" s="38">
        <v>2798609</v>
      </c>
      <c r="CR11" s="38">
        <v>953382</v>
      </c>
      <c r="CS11" s="38">
        <v>954266</v>
      </c>
      <c r="CT11" s="47">
        <v>34.299999999999997</v>
      </c>
      <c r="CU11" s="49">
        <v>34.1</v>
      </c>
      <c r="CV11" s="37">
        <v>2756589</v>
      </c>
      <c r="CW11" s="38">
        <v>2779133</v>
      </c>
      <c r="CX11" s="38">
        <v>962079</v>
      </c>
      <c r="CY11" s="38">
        <v>962989</v>
      </c>
      <c r="CZ11" s="47">
        <f t="shared" si="0"/>
        <v>34.9</v>
      </c>
      <c r="DA11" s="49">
        <f t="shared" si="1"/>
        <v>34.700000000000003</v>
      </c>
      <c r="DB11" s="37">
        <v>2737194</v>
      </c>
      <c r="DC11" s="38">
        <v>2757719</v>
      </c>
      <c r="DD11" s="38">
        <v>969085</v>
      </c>
      <c r="DE11" s="38">
        <v>970023</v>
      </c>
      <c r="DF11" s="47">
        <v>35.4</v>
      </c>
      <c r="DG11" s="49">
        <v>35.200000000000003</v>
      </c>
      <c r="DH11" s="37">
        <v>2714594</v>
      </c>
      <c r="DI11" s="38">
        <v>2733294</v>
      </c>
      <c r="DJ11" s="38">
        <v>972398</v>
      </c>
      <c r="DK11" s="38">
        <v>973373</v>
      </c>
      <c r="DL11" s="21">
        <f t="shared" si="2"/>
        <v>35.821120948473329</v>
      </c>
      <c r="DM11" s="49">
        <f t="shared" si="3"/>
        <v>35.611719778406567</v>
      </c>
      <c r="DN11" s="37">
        <v>2686428</v>
      </c>
      <c r="DO11" s="38">
        <v>2708934</v>
      </c>
      <c r="DP11" s="38">
        <v>970893</v>
      </c>
      <c r="DQ11" s="38">
        <v>971952</v>
      </c>
      <c r="DR11" s="21">
        <f t="shared" si="4"/>
        <v>36.140667086555084</v>
      </c>
      <c r="DS11" s="49">
        <f t="shared" si="5"/>
        <v>35.879500940222243</v>
      </c>
    </row>
    <row r="12" spans="1:123" x14ac:dyDescent="0.2">
      <c r="A12" s="175" t="s">
        <v>14</v>
      </c>
      <c r="B12" s="176"/>
      <c r="C12" s="121" t="s">
        <v>61</v>
      </c>
      <c r="D12" s="53">
        <v>1733133</v>
      </c>
      <c r="E12" s="51">
        <v>192050</v>
      </c>
      <c r="F12" s="52">
        <v>11.1</v>
      </c>
      <c r="G12" s="53">
        <v>1750627</v>
      </c>
      <c r="H12" s="51">
        <v>204290</v>
      </c>
      <c r="I12" s="54">
        <v>11.7</v>
      </c>
      <c r="J12" s="50">
        <v>1768091</v>
      </c>
      <c r="K12" s="51">
        <v>215427</v>
      </c>
      <c r="L12" s="52">
        <v>12.2</v>
      </c>
      <c r="M12" s="53">
        <v>1782770</v>
      </c>
      <c r="N12" s="51">
        <v>228120</v>
      </c>
      <c r="O12" s="54">
        <v>12.8</v>
      </c>
      <c r="P12" s="50">
        <v>1792167</v>
      </c>
      <c r="Q12" s="51">
        <v>239198</v>
      </c>
      <c r="R12" s="52">
        <v>13.3</v>
      </c>
      <c r="S12" s="53">
        <v>1801327</v>
      </c>
      <c r="T12" s="51">
        <v>251426</v>
      </c>
      <c r="U12" s="58">
        <v>14</v>
      </c>
      <c r="V12" s="50">
        <v>1811165</v>
      </c>
      <c r="W12" s="51">
        <v>264643</v>
      </c>
      <c r="X12" s="55">
        <v>14.6</v>
      </c>
      <c r="Y12" s="53">
        <v>1822992</v>
      </c>
      <c r="Z12" s="51">
        <v>276443</v>
      </c>
      <c r="AA12" s="58">
        <v>15.2</v>
      </c>
      <c r="AB12" s="50">
        <v>1837901</v>
      </c>
      <c r="AC12" s="51">
        <v>289223</v>
      </c>
      <c r="AD12" s="55">
        <v>15.7</v>
      </c>
      <c r="AE12" s="53">
        <v>1849650</v>
      </c>
      <c r="AF12" s="51">
        <v>300404</v>
      </c>
      <c r="AG12" s="58">
        <v>16.2</v>
      </c>
      <c r="AH12" s="50">
        <v>1856442</v>
      </c>
      <c r="AI12" s="51">
        <v>311518</v>
      </c>
      <c r="AJ12" s="55">
        <v>16.8</v>
      </c>
      <c r="AK12" s="53">
        <v>1869180</v>
      </c>
      <c r="AL12" s="51">
        <v>324960</v>
      </c>
      <c r="AM12" s="58">
        <v>17.399999999999999</v>
      </c>
      <c r="AN12" s="50">
        <v>1874410</v>
      </c>
      <c r="AO12" s="51">
        <v>339801</v>
      </c>
      <c r="AP12" s="55">
        <v>18.100000000000001</v>
      </c>
      <c r="AQ12" s="53">
        <v>1880138</v>
      </c>
      <c r="AR12" s="51">
        <v>352986</v>
      </c>
      <c r="AS12" s="58">
        <v>18.8</v>
      </c>
      <c r="AT12" s="50">
        <v>1884939</v>
      </c>
      <c r="AU12" s="51">
        <v>368001</v>
      </c>
      <c r="AV12" s="55">
        <v>19.5</v>
      </c>
      <c r="AW12" s="53">
        <v>1891494</v>
      </c>
      <c r="AX12" s="51">
        <v>379783</v>
      </c>
      <c r="AY12" s="54">
        <v>20.100000000000001</v>
      </c>
      <c r="AZ12" s="50">
        <v>1897333</v>
      </c>
      <c r="BA12" s="51">
        <v>388773</v>
      </c>
      <c r="BB12" s="55">
        <v>20.5</v>
      </c>
      <c r="BC12" s="53">
        <v>1904319</v>
      </c>
      <c r="BD12" s="51">
        <v>403856</v>
      </c>
      <c r="BE12" s="54">
        <v>21.2</v>
      </c>
      <c r="BF12" s="50">
        <v>1910555</v>
      </c>
      <c r="BG12" s="51">
        <v>1919664</v>
      </c>
      <c r="BH12" s="51">
        <v>423495</v>
      </c>
      <c r="BI12" s="51">
        <v>424087</v>
      </c>
      <c r="BJ12" s="56">
        <v>22.2</v>
      </c>
      <c r="BK12" s="52">
        <v>22.1</v>
      </c>
      <c r="BL12" s="53">
        <v>1921070</v>
      </c>
      <c r="BM12" s="51">
        <v>1930496</v>
      </c>
      <c r="BN12" s="51">
        <v>437987</v>
      </c>
      <c r="BO12" s="51">
        <v>438592</v>
      </c>
      <c r="BP12" s="57">
        <v>22.8</v>
      </c>
      <c r="BQ12" s="58">
        <v>22.7</v>
      </c>
      <c r="BR12" s="50">
        <v>1926287</v>
      </c>
      <c r="BS12" s="51">
        <v>1936016</v>
      </c>
      <c r="BT12" s="51">
        <v>460202</v>
      </c>
      <c r="BU12" s="51">
        <v>460835</v>
      </c>
      <c r="BV12" s="57">
        <v>23.9</v>
      </c>
      <c r="BW12" s="52">
        <v>23.8</v>
      </c>
      <c r="BX12" s="59">
        <v>1931518</v>
      </c>
      <c r="BY12" s="51">
        <v>1941832</v>
      </c>
      <c r="BZ12" s="72">
        <v>478867</v>
      </c>
      <c r="CA12" s="51">
        <v>479535</v>
      </c>
      <c r="CB12" s="57">
        <v>24.8</v>
      </c>
      <c r="CC12" s="54">
        <v>24.7</v>
      </c>
      <c r="CD12" s="50">
        <v>1936173</v>
      </c>
      <c r="CE12" s="51">
        <v>1947494</v>
      </c>
      <c r="CF12" s="51">
        <v>494625</v>
      </c>
      <c r="CG12" s="51">
        <v>495332</v>
      </c>
      <c r="CH12" s="57">
        <v>25.5</v>
      </c>
      <c r="CI12" s="52">
        <v>25.4</v>
      </c>
      <c r="CJ12" s="53">
        <v>1940035</v>
      </c>
      <c r="CK12" s="51">
        <v>1952348</v>
      </c>
      <c r="CL12" s="51">
        <v>508835</v>
      </c>
      <c r="CM12" s="51">
        <v>509588</v>
      </c>
      <c r="CN12" s="57">
        <v>26.2</v>
      </c>
      <c r="CO12" s="54">
        <v>26.1</v>
      </c>
      <c r="CP12" s="50">
        <v>1941969</v>
      </c>
      <c r="CQ12" s="51">
        <v>1955457</v>
      </c>
      <c r="CR12" s="51">
        <v>521049</v>
      </c>
      <c r="CS12" s="51">
        <v>521841</v>
      </c>
      <c r="CT12" s="57">
        <v>26.8</v>
      </c>
      <c r="CU12" s="61">
        <v>26.7</v>
      </c>
      <c r="CV12" s="50">
        <v>1944357</v>
      </c>
      <c r="CW12" s="51">
        <v>1959313</v>
      </c>
      <c r="CX12" s="51">
        <v>532028</v>
      </c>
      <c r="CY12" s="51">
        <v>532857</v>
      </c>
      <c r="CZ12" s="21">
        <f t="shared" si="0"/>
        <v>27.4</v>
      </c>
      <c r="DA12" s="23">
        <f t="shared" si="1"/>
        <v>27.2</v>
      </c>
      <c r="DB12" s="50">
        <v>1947599</v>
      </c>
      <c r="DC12" s="51">
        <v>1961575</v>
      </c>
      <c r="DD12" s="51">
        <v>541195</v>
      </c>
      <c r="DE12" s="51">
        <v>542066</v>
      </c>
      <c r="DF12" s="21">
        <v>27.8</v>
      </c>
      <c r="DG12" s="23">
        <v>27.6</v>
      </c>
      <c r="DH12" s="50">
        <v>1947319</v>
      </c>
      <c r="DI12" s="51">
        <v>1960668</v>
      </c>
      <c r="DJ12" s="51">
        <v>547607</v>
      </c>
      <c r="DK12" s="51">
        <v>548530</v>
      </c>
      <c r="DL12" s="57">
        <f t="shared" si="2"/>
        <v>28.121073126693673</v>
      </c>
      <c r="DM12" s="23">
        <f t="shared" si="3"/>
        <v>27.97668957722572</v>
      </c>
      <c r="DN12" s="50">
        <v>1943861</v>
      </c>
      <c r="DO12" s="51">
        <v>1959512</v>
      </c>
      <c r="DP12" s="51">
        <v>551942</v>
      </c>
      <c r="DQ12" s="51">
        <v>552924</v>
      </c>
      <c r="DR12" s="57">
        <f t="shared" si="4"/>
        <v>28.394108426476993</v>
      </c>
      <c r="DS12" s="23">
        <f t="shared" si="5"/>
        <v>28.217433728397683</v>
      </c>
    </row>
    <row r="13" spans="1:123" x14ac:dyDescent="0.2">
      <c r="A13" s="175"/>
      <c r="B13" s="176"/>
      <c r="C13" s="123" t="s">
        <v>62</v>
      </c>
      <c r="D13" s="27">
        <v>836609</v>
      </c>
      <c r="E13" s="25">
        <v>81161</v>
      </c>
      <c r="F13" s="26">
        <v>9.6999999999999993</v>
      </c>
      <c r="G13" s="27">
        <v>843992</v>
      </c>
      <c r="H13" s="25">
        <v>86414</v>
      </c>
      <c r="I13" s="28">
        <v>10.199999999999999</v>
      </c>
      <c r="J13" s="24">
        <v>851547</v>
      </c>
      <c r="K13" s="25">
        <v>91164</v>
      </c>
      <c r="L13" s="26">
        <v>10.7</v>
      </c>
      <c r="M13" s="27">
        <v>856975</v>
      </c>
      <c r="N13" s="25">
        <v>96460</v>
      </c>
      <c r="O13" s="28">
        <v>11.3</v>
      </c>
      <c r="P13" s="24">
        <v>859764</v>
      </c>
      <c r="Q13" s="25">
        <v>101075</v>
      </c>
      <c r="R13" s="26">
        <v>11.8</v>
      </c>
      <c r="S13" s="27">
        <v>862805</v>
      </c>
      <c r="T13" s="25">
        <v>106141</v>
      </c>
      <c r="U13" s="62">
        <v>12.3</v>
      </c>
      <c r="V13" s="24">
        <v>865569</v>
      </c>
      <c r="W13" s="25">
        <v>111694</v>
      </c>
      <c r="X13" s="63">
        <v>12.9</v>
      </c>
      <c r="Y13" s="27">
        <v>870600</v>
      </c>
      <c r="Z13" s="25">
        <v>116495</v>
      </c>
      <c r="AA13" s="62">
        <v>13.4</v>
      </c>
      <c r="AB13" s="24">
        <v>876476</v>
      </c>
      <c r="AC13" s="25">
        <v>121556</v>
      </c>
      <c r="AD13" s="63">
        <v>13.9</v>
      </c>
      <c r="AE13" s="27">
        <v>880962</v>
      </c>
      <c r="AF13" s="25">
        <v>125973</v>
      </c>
      <c r="AG13" s="62">
        <v>14.3</v>
      </c>
      <c r="AH13" s="24">
        <v>882637</v>
      </c>
      <c r="AI13" s="25">
        <v>130479</v>
      </c>
      <c r="AJ13" s="63">
        <v>14.8</v>
      </c>
      <c r="AK13" s="27">
        <v>887660</v>
      </c>
      <c r="AL13" s="25">
        <v>135836</v>
      </c>
      <c r="AM13" s="62">
        <v>15.3</v>
      </c>
      <c r="AN13" s="24">
        <v>887985</v>
      </c>
      <c r="AO13" s="25">
        <v>141867</v>
      </c>
      <c r="AP13" s="63">
        <v>16</v>
      </c>
      <c r="AQ13" s="27">
        <v>888523</v>
      </c>
      <c r="AR13" s="25">
        <v>147036</v>
      </c>
      <c r="AS13" s="62">
        <v>16.5</v>
      </c>
      <c r="AT13" s="24">
        <v>888900</v>
      </c>
      <c r="AU13" s="25">
        <v>153475</v>
      </c>
      <c r="AV13" s="63">
        <v>17.3</v>
      </c>
      <c r="AW13" s="27">
        <v>890794</v>
      </c>
      <c r="AX13" s="25">
        <v>158142</v>
      </c>
      <c r="AY13" s="28">
        <v>17.8</v>
      </c>
      <c r="AZ13" s="24">
        <v>892617</v>
      </c>
      <c r="BA13" s="25">
        <v>161257</v>
      </c>
      <c r="BB13" s="63">
        <v>18.100000000000001</v>
      </c>
      <c r="BC13" s="27">
        <v>894113</v>
      </c>
      <c r="BD13" s="25">
        <v>167607</v>
      </c>
      <c r="BE13" s="28">
        <v>18.7</v>
      </c>
      <c r="BF13" s="24">
        <v>895811</v>
      </c>
      <c r="BG13" s="25">
        <v>900297</v>
      </c>
      <c r="BH13" s="25">
        <v>176049</v>
      </c>
      <c r="BI13" s="25">
        <v>176333</v>
      </c>
      <c r="BJ13" s="64">
        <v>19.7</v>
      </c>
      <c r="BK13" s="26">
        <v>19.600000000000001</v>
      </c>
      <c r="BL13" s="27">
        <v>901232</v>
      </c>
      <c r="BM13" s="25">
        <v>905860</v>
      </c>
      <c r="BN13" s="25">
        <v>182232</v>
      </c>
      <c r="BO13" s="25">
        <v>182524</v>
      </c>
      <c r="BP13" s="34">
        <v>20.2</v>
      </c>
      <c r="BQ13" s="62">
        <v>20.100000000000001</v>
      </c>
      <c r="BR13" s="24">
        <v>902802</v>
      </c>
      <c r="BS13" s="25">
        <v>907565</v>
      </c>
      <c r="BT13" s="25">
        <v>191530</v>
      </c>
      <c r="BU13" s="25">
        <v>191836</v>
      </c>
      <c r="BV13" s="34">
        <v>21.2</v>
      </c>
      <c r="BW13" s="26">
        <v>21.1</v>
      </c>
      <c r="BX13" s="65">
        <v>904474</v>
      </c>
      <c r="BY13" s="25">
        <v>909496</v>
      </c>
      <c r="BZ13" s="73">
        <v>199503</v>
      </c>
      <c r="CA13" s="25">
        <v>199824</v>
      </c>
      <c r="CB13" s="34">
        <v>22.1</v>
      </c>
      <c r="CC13" s="28">
        <v>22</v>
      </c>
      <c r="CD13" s="24">
        <v>905718</v>
      </c>
      <c r="CE13" s="25">
        <v>911231</v>
      </c>
      <c r="CF13" s="25">
        <v>206091</v>
      </c>
      <c r="CG13" s="25">
        <v>206431</v>
      </c>
      <c r="CH13" s="34">
        <v>22.8</v>
      </c>
      <c r="CI13" s="26">
        <v>22.7</v>
      </c>
      <c r="CJ13" s="27">
        <v>907013</v>
      </c>
      <c r="CK13" s="25">
        <v>913077</v>
      </c>
      <c r="CL13" s="25">
        <v>212124</v>
      </c>
      <c r="CM13" s="25">
        <v>212487</v>
      </c>
      <c r="CN13" s="34">
        <v>23.4</v>
      </c>
      <c r="CO13" s="28">
        <v>23.3</v>
      </c>
      <c r="CP13" s="24">
        <v>907133</v>
      </c>
      <c r="CQ13" s="25">
        <v>913799</v>
      </c>
      <c r="CR13" s="25">
        <v>216918</v>
      </c>
      <c r="CS13" s="25">
        <v>217297</v>
      </c>
      <c r="CT13" s="34">
        <v>23.9</v>
      </c>
      <c r="CU13" s="36">
        <v>23.8</v>
      </c>
      <c r="CV13" s="24">
        <v>907910</v>
      </c>
      <c r="CW13" s="25">
        <v>915342</v>
      </c>
      <c r="CX13" s="25">
        <v>221557</v>
      </c>
      <c r="CY13" s="25">
        <v>221974</v>
      </c>
      <c r="CZ13" s="34">
        <f t="shared" si="0"/>
        <v>24.4</v>
      </c>
      <c r="DA13" s="36">
        <f t="shared" si="1"/>
        <v>24.3</v>
      </c>
      <c r="DB13" s="24">
        <v>909673</v>
      </c>
      <c r="DC13" s="25">
        <v>916813</v>
      </c>
      <c r="DD13" s="25">
        <v>225523</v>
      </c>
      <c r="DE13" s="25">
        <v>225956</v>
      </c>
      <c r="DF13" s="34">
        <v>24.8</v>
      </c>
      <c r="DG13" s="36">
        <v>24.6</v>
      </c>
      <c r="DH13" s="24">
        <v>909408</v>
      </c>
      <c r="DI13" s="25">
        <v>916289</v>
      </c>
      <c r="DJ13" s="25">
        <v>227967</v>
      </c>
      <c r="DK13" s="25">
        <v>228419</v>
      </c>
      <c r="DL13" s="34">
        <f t="shared" si="2"/>
        <v>25.067626411907529</v>
      </c>
      <c r="DM13" s="36">
        <f t="shared" si="3"/>
        <v>24.92870699091662</v>
      </c>
      <c r="DN13" s="24">
        <v>907933</v>
      </c>
      <c r="DO13" s="25">
        <v>916058</v>
      </c>
      <c r="DP13" s="25">
        <v>229461</v>
      </c>
      <c r="DQ13" s="25">
        <v>229945</v>
      </c>
      <c r="DR13" s="34">
        <f t="shared" si="4"/>
        <v>25.272900092848261</v>
      </c>
      <c r="DS13" s="36">
        <f t="shared" si="5"/>
        <v>25.101576537730143</v>
      </c>
    </row>
    <row r="14" spans="1:123" x14ac:dyDescent="0.2">
      <c r="A14" s="175"/>
      <c r="B14" s="176"/>
      <c r="C14" s="122" t="s">
        <v>63</v>
      </c>
      <c r="D14" s="40">
        <v>896524</v>
      </c>
      <c r="E14" s="38">
        <v>110889</v>
      </c>
      <c r="F14" s="39">
        <v>12.4</v>
      </c>
      <c r="G14" s="40">
        <v>906635</v>
      </c>
      <c r="H14" s="38">
        <v>117876</v>
      </c>
      <c r="I14" s="41">
        <v>13</v>
      </c>
      <c r="J14" s="37">
        <v>916544</v>
      </c>
      <c r="K14" s="38">
        <v>124263</v>
      </c>
      <c r="L14" s="39">
        <v>13.6</v>
      </c>
      <c r="M14" s="40">
        <v>925795</v>
      </c>
      <c r="N14" s="38">
        <v>131660</v>
      </c>
      <c r="O14" s="41">
        <v>14.2</v>
      </c>
      <c r="P14" s="37">
        <v>932403</v>
      </c>
      <c r="Q14" s="38">
        <v>138123</v>
      </c>
      <c r="R14" s="39">
        <v>14.8</v>
      </c>
      <c r="S14" s="40">
        <v>938522</v>
      </c>
      <c r="T14" s="38">
        <v>145285</v>
      </c>
      <c r="U14" s="67">
        <v>15.5</v>
      </c>
      <c r="V14" s="37">
        <v>945596</v>
      </c>
      <c r="W14" s="38">
        <v>152949</v>
      </c>
      <c r="X14" s="68">
        <v>16.2</v>
      </c>
      <c r="Y14" s="40">
        <v>952392</v>
      </c>
      <c r="Z14" s="38">
        <v>159948</v>
      </c>
      <c r="AA14" s="67">
        <v>16.8</v>
      </c>
      <c r="AB14" s="37">
        <v>961425</v>
      </c>
      <c r="AC14" s="38">
        <v>167667</v>
      </c>
      <c r="AD14" s="68">
        <v>17.399999999999999</v>
      </c>
      <c r="AE14" s="40">
        <v>968688</v>
      </c>
      <c r="AF14" s="38">
        <v>174431</v>
      </c>
      <c r="AG14" s="67">
        <v>18</v>
      </c>
      <c r="AH14" s="37">
        <v>973805</v>
      </c>
      <c r="AI14" s="38">
        <v>181039</v>
      </c>
      <c r="AJ14" s="68">
        <v>18.600000000000001</v>
      </c>
      <c r="AK14" s="40">
        <v>981520</v>
      </c>
      <c r="AL14" s="38">
        <v>189124</v>
      </c>
      <c r="AM14" s="67">
        <v>19.3</v>
      </c>
      <c r="AN14" s="37">
        <v>986425</v>
      </c>
      <c r="AO14" s="38">
        <v>197934</v>
      </c>
      <c r="AP14" s="68">
        <v>20.100000000000001</v>
      </c>
      <c r="AQ14" s="40">
        <v>991615</v>
      </c>
      <c r="AR14" s="38">
        <v>205950</v>
      </c>
      <c r="AS14" s="67">
        <v>20.8</v>
      </c>
      <c r="AT14" s="37">
        <v>996039</v>
      </c>
      <c r="AU14" s="38">
        <v>214526</v>
      </c>
      <c r="AV14" s="68">
        <v>21.5</v>
      </c>
      <c r="AW14" s="40">
        <v>1000700</v>
      </c>
      <c r="AX14" s="38">
        <v>221641</v>
      </c>
      <c r="AY14" s="41">
        <v>22.1</v>
      </c>
      <c r="AZ14" s="37">
        <v>1004716</v>
      </c>
      <c r="BA14" s="38">
        <v>227516</v>
      </c>
      <c r="BB14" s="68">
        <v>22.6</v>
      </c>
      <c r="BC14" s="40">
        <v>1010206</v>
      </c>
      <c r="BD14" s="38">
        <v>236249</v>
      </c>
      <c r="BE14" s="41">
        <v>23.4</v>
      </c>
      <c r="BF14" s="37">
        <v>1014744</v>
      </c>
      <c r="BG14" s="38">
        <v>1019367</v>
      </c>
      <c r="BH14" s="38">
        <v>247446</v>
      </c>
      <c r="BI14" s="38">
        <v>247754</v>
      </c>
      <c r="BJ14" s="69">
        <v>24.4</v>
      </c>
      <c r="BK14" s="39">
        <v>24.3</v>
      </c>
      <c r="BL14" s="40">
        <v>1019838</v>
      </c>
      <c r="BM14" s="38">
        <v>1024636</v>
      </c>
      <c r="BN14" s="38">
        <v>255755</v>
      </c>
      <c r="BO14" s="38">
        <v>256068</v>
      </c>
      <c r="BP14" s="47">
        <v>25.1</v>
      </c>
      <c r="BQ14" s="67">
        <v>25</v>
      </c>
      <c r="BR14" s="37">
        <v>1023485</v>
      </c>
      <c r="BS14" s="38">
        <v>1028451</v>
      </c>
      <c r="BT14" s="38">
        <v>268672</v>
      </c>
      <c r="BU14" s="38">
        <v>268999</v>
      </c>
      <c r="BV14" s="47">
        <v>26.3</v>
      </c>
      <c r="BW14" s="39">
        <v>26.2</v>
      </c>
      <c r="BX14" s="70">
        <v>1027044</v>
      </c>
      <c r="BY14" s="38">
        <v>1032336</v>
      </c>
      <c r="BZ14" s="74">
        <v>279364</v>
      </c>
      <c r="CA14" s="38">
        <v>279711</v>
      </c>
      <c r="CB14" s="47">
        <v>27.2</v>
      </c>
      <c r="CC14" s="41">
        <v>27.1</v>
      </c>
      <c r="CD14" s="37">
        <v>1030455</v>
      </c>
      <c r="CE14" s="38">
        <v>1036263</v>
      </c>
      <c r="CF14" s="38">
        <v>288534</v>
      </c>
      <c r="CG14" s="38">
        <v>288901</v>
      </c>
      <c r="CH14" s="47">
        <v>28</v>
      </c>
      <c r="CI14" s="39">
        <v>27.9</v>
      </c>
      <c r="CJ14" s="40">
        <v>1033022</v>
      </c>
      <c r="CK14" s="38">
        <v>1039271</v>
      </c>
      <c r="CL14" s="38">
        <v>296711</v>
      </c>
      <c r="CM14" s="38">
        <v>297101</v>
      </c>
      <c r="CN14" s="47">
        <v>28.7</v>
      </c>
      <c r="CO14" s="41">
        <v>28.6</v>
      </c>
      <c r="CP14" s="37">
        <v>1034836</v>
      </c>
      <c r="CQ14" s="38">
        <v>1041658</v>
      </c>
      <c r="CR14" s="38">
        <v>304131</v>
      </c>
      <c r="CS14" s="38">
        <v>304544</v>
      </c>
      <c r="CT14" s="47">
        <v>29.4</v>
      </c>
      <c r="CU14" s="49">
        <v>29.2</v>
      </c>
      <c r="CV14" s="37">
        <v>1036447</v>
      </c>
      <c r="CW14" s="38">
        <v>1043971</v>
      </c>
      <c r="CX14" s="38">
        <v>310471</v>
      </c>
      <c r="CY14" s="38">
        <v>310883</v>
      </c>
      <c r="CZ14" s="47">
        <f t="shared" si="0"/>
        <v>30</v>
      </c>
      <c r="DA14" s="49">
        <f t="shared" si="1"/>
        <v>29.8</v>
      </c>
      <c r="DB14" s="37">
        <v>1037926</v>
      </c>
      <c r="DC14" s="38">
        <v>1044762</v>
      </c>
      <c r="DD14" s="38">
        <v>315672</v>
      </c>
      <c r="DE14" s="38">
        <v>316110</v>
      </c>
      <c r="DF14" s="47">
        <v>30.4</v>
      </c>
      <c r="DG14" s="49">
        <v>30.3</v>
      </c>
      <c r="DH14" s="37">
        <v>1037911</v>
      </c>
      <c r="DI14" s="38">
        <v>1044379</v>
      </c>
      <c r="DJ14" s="38">
        <v>319640</v>
      </c>
      <c r="DK14" s="38">
        <v>320111</v>
      </c>
      <c r="DL14" s="47">
        <f t="shared" si="2"/>
        <v>30.796474842255261</v>
      </c>
      <c r="DM14" s="49">
        <f t="shared" si="3"/>
        <v>30.650846100888664</v>
      </c>
      <c r="DN14" s="37">
        <v>1035928</v>
      </c>
      <c r="DO14" s="38">
        <v>1043454</v>
      </c>
      <c r="DP14" s="38">
        <v>322481</v>
      </c>
      <c r="DQ14" s="38">
        <v>322979</v>
      </c>
      <c r="DR14" s="47">
        <f t="shared" si="4"/>
        <v>31.129673104694533</v>
      </c>
      <c r="DS14" s="49">
        <f t="shared" si="5"/>
        <v>30.952873820983008</v>
      </c>
    </row>
    <row r="15" spans="1:123" x14ac:dyDescent="0.2">
      <c r="A15" s="75"/>
      <c r="B15" s="179" t="s">
        <v>15</v>
      </c>
      <c r="C15" s="121" t="s">
        <v>61</v>
      </c>
      <c r="D15" s="53">
        <v>166017</v>
      </c>
      <c r="E15" s="51">
        <v>21727</v>
      </c>
      <c r="F15" s="52">
        <v>13.1</v>
      </c>
      <c r="G15" s="53">
        <v>167525</v>
      </c>
      <c r="H15" s="51">
        <v>22696</v>
      </c>
      <c r="I15" s="54">
        <v>13.5</v>
      </c>
      <c r="J15" s="50">
        <v>170349</v>
      </c>
      <c r="K15" s="51">
        <v>23669</v>
      </c>
      <c r="L15" s="52">
        <v>13.9</v>
      </c>
      <c r="M15" s="53">
        <v>172615</v>
      </c>
      <c r="N15" s="51">
        <v>24824</v>
      </c>
      <c r="O15" s="54">
        <v>14.4</v>
      </c>
      <c r="P15" s="50">
        <v>173214</v>
      </c>
      <c r="Q15" s="51">
        <v>25826</v>
      </c>
      <c r="R15" s="52">
        <v>14.9</v>
      </c>
      <c r="S15" s="53">
        <v>173855</v>
      </c>
      <c r="T15" s="51">
        <v>26898</v>
      </c>
      <c r="U15" s="58">
        <v>15.5</v>
      </c>
      <c r="V15" s="50">
        <v>176193</v>
      </c>
      <c r="W15" s="51">
        <v>28021</v>
      </c>
      <c r="X15" s="55">
        <v>15.9</v>
      </c>
      <c r="Y15" s="53">
        <v>179604</v>
      </c>
      <c r="Z15" s="51">
        <v>29130</v>
      </c>
      <c r="AA15" s="58">
        <v>16.2</v>
      </c>
      <c r="AB15" s="50">
        <v>184584</v>
      </c>
      <c r="AC15" s="51">
        <v>30372</v>
      </c>
      <c r="AD15" s="55">
        <v>16.5</v>
      </c>
      <c r="AE15" s="53">
        <v>188129</v>
      </c>
      <c r="AF15" s="51">
        <v>31392</v>
      </c>
      <c r="AG15" s="58">
        <v>16.7</v>
      </c>
      <c r="AH15" s="50">
        <v>191282</v>
      </c>
      <c r="AI15" s="51">
        <v>32363</v>
      </c>
      <c r="AJ15" s="55">
        <v>16.899999999999999</v>
      </c>
      <c r="AK15" s="53">
        <v>195762</v>
      </c>
      <c r="AL15" s="51">
        <v>33677</v>
      </c>
      <c r="AM15" s="58">
        <v>17.2</v>
      </c>
      <c r="AN15" s="50">
        <v>199126</v>
      </c>
      <c r="AO15" s="51">
        <v>35075</v>
      </c>
      <c r="AP15" s="55">
        <v>17.600000000000001</v>
      </c>
      <c r="AQ15" s="53">
        <v>202603</v>
      </c>
      <c r="AR15" s="51">
        <v>36379</v>
      </c>
      <c r="AS15" s="58">
        <v>18</v>
      </c>
      <c r="AT15" s="50">
        <v>206252</v>
      </c>
      <c r="AU15" s="51">
        <v>37879</v>
      </c>
      <c r="AV15" s="55">
        <v>18.399999999999999</v>
      </c>
      <c r="AW15" s="53">
        <v>209934</v>
      </c>
      <c r="AX15" s="51">
        <v>39089</v>
      </c>
      <c r="AY15" s="54">
        <v>18.600000000000001</v>
      </c>
      <c r="AZ15" s="50">
        <v>212666</v>
      </c>
      <c r="BA15" s="51">
        <v>39941</v>
      </c>
      <c r="BB15" s="55">
        <v>18.8</v>
      </c>
      <c r="BC15" s="53">
        <v>216307</v>
      </c>
      <c r="BD15" s="51">
        <v>41555</v>
      </c>
      <c r="BE15" s="54">
        <v>19.2</v>
      </c>
      <c r="BF15" s="50">
        <v>219066</v>
      </c>
      <c r="BG15" s="51">
        <v>221004</v>
      </c>
      <c r="BH15" s="51">
        <v>43711</v>
      </c>
      <c r="BI15" s="51">
        <v>43819</v>
      </c>
      <c r="BJ15" s="56">
        <v>20</v>
      </c>
      <c r="BK15" s="52">
        <v>19.8</v>
      </c>
      <c r="BL15" s="53">
        <v>222392</v>
      </c>
      <c r="BM15" s="51">
        <v>224400</v>
      </c>
      <c r="BN15" s="51">
        <v>45134</v>
      </c>
      <c r="BO15" s="51">
        <v>45243</v>
      </c>
      <c r="BP15" s="57">
        <v>20.3</v>
      </c>
      <c r="BQ15" s="58">
        <v>20.2</v>
      </c>
      <c r="BR15" s="50">
        <v>224928</v>
      </c>
      <c r="BS15" s="51">
        <v>226964</v>
      </c>
      <c r="BT15" s="51">
        <v>47242</v>
      </c>
      <c r="BU15" s="51">
        <v>47350</v>
      </c>
      <c r="BV15" s="57">
        <v>21</v>
      </c>
      <c r="BW15" s="52">
        <v>20.9</v>
      </c>
      <c r="BX15" s="59">
        <v>228172</v>
      </c>
      <c r="BY15" s="51">
        <v>230382</v>
      </c>
      <c r="BZ15" s="72">
        <v>49287</v>
      </c>
      <c r="CA15" s="51">
        <v>49400</v>
      </c>
      <c r="CB15" s="57">
        <v>21.6</v>
      </c>
      <c r="CC15" s="54">
        <v>21.4</v>
      </c>
      <c r="CD15" s="50">
        <v>229800</v>
      </c>
      <c r="CE15" s="51">
        <v>232148</v>
      </c>
      <c r="CF15" s="51">
        <v>50985</v>
      </c>
      <c r="CG15" s="51">
        <v>51104</v>
      </c>
      <c r="CH15" s="57">
        <v>22.2</v>
      </c>
      <c r="CI15" s="52">
        <v>22</v>
      </c>
      <c r="CJ15" s="53">
        <v>231394</v>
      </c>
      <c r="CK15" s="51">
        <v>233884</v>
      </c>
      <c r="CL15" s="51">
        <v>52645</v>
      </c>
      <c r="CM15" s="51">
        <v>52782</v>
      </c>
      <c r="CN15" s="57">
        <v>22.8</v>
      </c>
      <c r="CO15" s="54">
        <v>22.6</v>
      </c>
      <c r="CP15" s="50">
        <v>232762</v>
      </c>
      <c r="CQ15" s="51">
        <v>235449</v>
      </c>
      <c r="CR15" s="51">
        <v>54041</v>
      </c>
      <c r="CS15" s="51">
        <v>54188</v>
      </c>
      <c r="CT15" s="57">
        <v>23.2</v>
      </c>
      <c r="CU15" s="61">
        <v>23</v>
      </c>
      <c r="CV15" s="50">
        <v>235291</v>
      </c>
      <c r="CW15" s="51">
        <v>238198</v>
      </c>
      <c r="CX15" s="51">
        <v>55611</v>
      </c>
      <c r="CY15" s="51">
        <v>55772</v>
      </c>
      <c r="CZ15" s="21">
        <f t="shared" si="0"/>
        <v>23.6</v>
      </c>
      <c r="DA15" s="23">
        <f t="shared" si="1"/>
        <v>23.4</v>
      </c>
      <c r="DB15" s="50">
        <v>237228</v>
      </c>
      <c r="DC15" s="51">
        <v>239944</v>
      </c>
      <c r="DD15" s="51">
        <v>56936</v>
      </c>
      <c r="DE15" s="51">
        <v>57113</v>
      </c>
      <c r="DF15" s="21">
        <v>24</v>
      </c>
      <c r="DG15" s="23">
        <v>23.8</v>
      </c>
      <c r="DH15" s="50">
        <v>238668</v>
      </c>
      <c r="DI15" s="51">
        <v>241244</v>
      </c>
      <c r="DJ15" s="51">
        <v>58037</v>
      </c>
      <c r="DK15" s="51">
        <v>58237</v>
      </c>
      <c r="DL15" s="21">
        <f t="shared" si="2"/>
        <v>24.317042921547923</v>
      </c>
      <c r="DM15" s="23">
        <f t="shared" si="3"/>
        <v>24.140289499427965</v>
      </c>
      <c r="DN15" s="50">
        <v>240982</v>
      </c>
      <c r="DO15" s="51">
        <v>244032</v>
      </c>
      <c r="DP15" s="51">
        <v>59121</v>
      </c>
      <c r="DQ15" s="51">
        <v>59328</v>
      </c>
      <c r="DR15" s="21">
        <f t="shared" si="4"/>
        <v>24.533367637416902</v>
      </c>
      <c r="DS15" s="23">
        <f t="shared" si="5"/>
        <v>24.311565696302122</v>
      </c>
    </row>
    <row r="16" spans="1:123" x14ac:dyDescent="0.2">
      <c r="A16" s="76"/>
      <c r="B16" s="172"/>
      <c r="C16" s="123" t="s">
        <v>62</v>
      </c>
      <c r="D16" s="27">
        <v>76722</v>
      </c>
      <c r="E16" s="25">
        <v>8493</v>
      </c>
      <c r="F16" s="26">
        <v>11.1</v>
      </c>
      <c r="G16" s="27">
        <v>77435</v>
      </c>
      <c r="H16" s="25">
        <v>8871</v>
      </c>
      <c r="I16" s="28">
        <v>11.5</v>
      </c>
      <c r="J16" s="24">
        <v>78590</v>
      </c>
      <c r="K16" s="25">
        <v>9246</v>
      </c>
      <c r="L16" s="26">
        <v>11.8</v>
      </c>
      <c r="M16" s="27">
        <v>79395</v>
      </c>
      <c r="N16" s="25">
        <v>9650</v>
      </c>
      <c r="O16" s="28">
        <v>12.2</v>
      </c>
      <c r="P16" s="24">
        <v>79355</v>
      </c>
      <c r="Q16" s="25">
        <v>10035</v>
      </c>
      <c r="R16" s="26">
        <v>12.6</v>
      </c>
      <c r="S16" s="27">
        <v>79560</v>
      </c>
      <c r="T16" s="25">
        <v>10436</v>
      </c>
      <c r="U16" s="62">
        <v>13.1</v>
      </c>
      <c r="V16" s="24">
        <v>80410</v>
      </c>
      <c r="W16" s="25">
        <v>10904</v>
      </c>
      <c r="X16" s="63">
        <v>13.6</v>
      </c>
      <c r="Y16" s="27">
        <v>81848</v>
      </c>
      <c r="Z16" s="25">
        <v>11326</v>
      </c>
      <c r="AA16" s="62">
        <v>13.8</v>
      </c>
      <c r="AB16" s="24">
        <v>84085</v>
      </c>
      <c r="AC16" s="25">
        <v>11789</v>
      </c>
      <c r="AD16" s="63">
        <v>14</v>
      </c>
      <c r="AE16" s="27">
        <v>85687</v>
      </c>
      <c r="AF16" s="25">
        <v>12144</v>
      </c>
      <c r="AG16" s="62">
        <v>14.2</v>
      </c>
      <c r="AH16" s="24">
        <v>87174</v>
      </c>
      <c r="AI16" s="25">
        <v>12515</v>
      </c>
      <c r="AJ16" s="63">
        <v>14.4</v>
      </c>
      <c r="AK16" s="27">
        <v>89198</v>
      </c>
      <c r="AL16" s="25">
        <v>12991</v>
      </c>
      <c r="AM16" s="62">
        <v>14.6</v>
      </c>
      <c r="AN16" s="24">
        <v>90645</v>
      </c>
      <c r="AO16" s="25">
        <v>13480</v>
      </c>
      <c r="AP16" s="63">
        <v>14.9</v>
      </c>
      <c r="AQ16" s="27">
        <v>91999</v>
      </c>
      <c r="AR16" s="25">
        <v>13964</v>
      </c>
      <c r="AS16" s="62">
        <v>15.2</v>
      </c>
      <c r="AT16" s="24">
        <v>93434</v>
      </c>
      <c r="AU16" s="25">
        <v>14563</v>
      </c>
      <c r="AV16" s="63">
        <v>15.6</v>
      </c>
      <c r="AW16" s="27">
        <v>95077</v>
      </c>
      <c r="AX16" s="25">
        <v>15019</v>
      </c>
      <c r="AY16" s="28">
        <v>15.8</v>
      </c>
      <c r="AZ16" s="24">
        <v>96386</v>
      </c>
      <c r="BA16" s="25">
        <v>15296</v>
      </c>
      <c r="BB16" s="63">
        <v>15.9</v>
      </c>
      <c r="BC16" s="27">
        <v>97943</v>
      </c>
      <c r="BD16" s="25">
        <v>16006</v>
      </c>
      <c r="BE16" s="28">
        <v>16.3</v>
      </c>
      <c r="BF16" s="24">
        <v>98977</v>
      </c>
      <c r="BG16" s="25">
        <v>100006</v>
      </c>
      <c r="BH16" s="25">
        <v>16880</v>
      </c>
      <c r="BI16" s="25">
        <v>16934</v>
      </c>
      <c r="BJ16" s="64">
        <v>17.100000000000001</v>
      </c>
      <c r="BK16" s="26">
        <v>16.899999999999999</v>
      </c>
      <c r="BL16" s="27">
        <v>100594</v>
      </c>
      <c r="BM16" s="25">
        <v>101680</v>
      </c>
      <c r="BN16" s="25">
        <v>17454</v>
      </c>
      <c r="BO16" s="25">
        <v>17508</v>
      </c>
      <c r="BP16" s="34">
        <v>17.399999999999999</v>
      </c>
      <c r="BQ16" s="62">
        <v>17.2</v>
      </c>
      <c r="BR16" s="24">
        <v>101791</v>
      </c>
      <c r="BS16" s="25">
        <v>102903</v>
      </c>
      <c r="BT16" s="25">
        <v>18374</v>
      </c>
      <c r="BU16" s="25">
        <v>18429</v>
      </c>
      <c r="BV16" s="34">
        <v>18.100000000000001</v>
      </c>
      <c r="BW16" s="26">
        <v>17.899999999999999</v>
      </c>
      <c r="BX16" s="65">
        <v>103213</v>
      </c>
      <c r="BY16" s="25">
        <v>104402</v>
      </c>
      <c r="BZ16" s="73">
        <v>19226</v>
      </c>
      <c r="CA16" s="25">
        <v>19288</v>
      </c>
      <c r="CB16" s="34">
        <v>18.600000000000001</v>
      </c>
      <c r="CC16" s="28">
        <v>18.5</v>
      </c>
      <c r="CD16" s="24">
        <v>103950</v>
      </c>
      <c r="CE16" s="25">
        <v>105167</v>
      </c>
      <c r="CF16" s="25">
        <v>19959</v>
      </c>
      <c r="CG16" s="25">
        <v>20025</v>
      </c>
      <c r="CH16" s="34">
        <v>19.2</v>
      </c>
      <c r="CI16" s="26">
        <v>19</v>
      </c>
      <c r="CJ16" s="27">
        <v>104586</v>
      </c>
      <c r="CK16" s="25">
        <v>105871</v>
      </c>
      <c r="CL16" s="25">
        <v>20628</v>
      </c>
      <c r="CM16" s="25">
        <v>20704</v>
      </c>
      <c r="CN16" s="34">
        <v>19.7</v>
      </c>
      <c r="CO16" s="28">
        <v>19.600000000000001</v>
      </c>
      <c r="CP16" s="24">
        <v>105094</v>
      </c>
      <c r="CQ16" s="25">
        <v>106500</v>
      </c>
      <c r="CR16" s="25">
        <v>21185</v>
      </c>
      <c r="CS16" s="25">
        <v>21264</v>
      </c>
      <c r="CT16" s="34">
        <v>20.2</v>
      </c>
      <c r="CU16" s="36">
        <v>20</v>
      </c>
      <c r="CV16" s="24">
        <v>106345</v>
      </c>
      <c r="CW16" s="25">
        <v>107871</v>
      </c>
      <c r="CX16" s="25">
        <v>21850</v>
      </c>
      <c r="CY16" s="25">
        <v>21940</v>
      </c>
      <c r="CZ16" s="34">
        <f t="shared" si="0"/>
        <v>20.5</v>
      </c>
      <c r="DA16" s="36">
        <f t="shared" si="1"/>
        <v>20.3</v>
      </c>
      <c r="DB16" s="24">
        <v>107276</v>
      </c>
      <c r="DC16" s="25">
        <v>108691</v>
      </c>
      <c r="DD16" s="25">
        <v>22423</v>
      </c>
      <c r="DE16" s="25">
        <v>22517</v>
      </c>
      <c r="DF16" s="34">
        <v>20.9</v>
      </c>
      <c r="DG16" s="36">
        <v>20.7</v>
      </c>
      <c r="DH16" s="24">
        <v>108051</v>
      </c>
      <c r="DI16" s="25">
        <v>109387</v>
      </c>
      <c r="DJ16" s="25">
        <v>22889</v>
      </c>
      <c r="DK16" s="25">
        <v>22997</v>
      </c>
      <c r="DL16" s="34">
        <f t="shared" si="2"/>
        <v>21.183515191900121</v>
      </c>
      <c r="DM16" s="36">
        <f t="shared" si="3"/>
        <v>21.02352199073016</v>
      </c>
      <c r="DN16" s="24">
        <v>109184</v>
      </c>
      <c r="DO16" s="25">
        <v>110795</v>
      </c>
      <c r="DP16" s="25">
        <v>23335</v>
      </c>
      <c r="DQ16" s="25">
        <v>23448</v>
      </c>
      <c r="DR16" s="34">
        <f t="shared" si="4"/>
        <v>21.372179073856977</v>
      </c>
      <c r="DS16" s="36">
        <f t="shared" si="5"/>
        <v>21.163409901168826</v>
      </c>
    </row>
    <row r="17" spans="1:123" x14ac:dyDescent="0.2">
      <c r="A17" s="76"/>
      <c r="B17" s="174"/>
      <c r="C17" s="122" t="s">
        <v>63</v>
      </c>
      <c r="D17" s="40">
        <v>89295</v>
      </c>
      <c r="E17" s="38">
        <v>13234</v>
      </c>
      <c r="F17" s="39">
        <v>14.8</v>
      </c>
      <c r="G17" s="40">
        <v>90090</v>
      </c>
      <c r="H17" s="38">
        <v>13825</v>
      </c>
      <c r="I17" s="41">
        <v>15.3</v>
      </c>
      <c r="J17" s="37">
        <v>91759</v>
      </c>
      <c r="K17" s="38">
        <v>14423</v>
      </c>
      <c r="L17" s="39">
        <v>15.7</v>
      </c>
      <c r="M17" s="40">
        <v>93220</v>
      </c>
      <c r="N17" s="38">
        <v>15174</v>
      </c>
      <c r="O17" s="41">
        <v>16.3</v>
      </c>
      <c r="P17" s="37">
        <v>93859</v>
      </c>
      <c r="Q17" s="38">
        <v>15791</v>
      </c>
      <c r="R17" s="39">
        <v>16.8</v>
      </c>
      <c r="S17" s="40">
        <v>94295</v>
      </c>
      <c r="T17" s="38">
        <v>16462</v>
      </c>
      <c r="U17" s="67">
        <v>17.5</v>
      </c>
      <c r="V17" s="37">
        <v>95783</v>
      </c>
      <c r="W17" s="38">
        <v>17117</v>
      </c>
      <c r="X17" s="68">
        <v>17.899999999999999</v>
      </c>
      <c r="Y17" s="40">
        <v>97756</v>
      </c>
      <c r="Z17" s="38">
        <v>17804</v>
      </c>
      <c r="AA17" s="67">
        <v>18.2</v>
      </c>
      <c r="AB17" s="37">
        <v>100499</v>
      </c>
      <c r="AC17" s="38">
        <v>18583</v>
      </c>
      <c r="AD17" s="68">
        <v>18.5</v>
      </c>
      <c r="AE17" s="40">
        <v>102442</v>
      </c>
      <c r="AF17" s="38">
        <v>19248</v>
      </c>
      <c r="AG17" s="67">
        <v>18.8</v>
      </c>
      <c r="AH17" s="37">
        <v>104108</v>
      </c>
      <c r="AI17" s="38">
        <v>19848</v>
      </c>
      <c r="AJ17" s="68">
        <v>19.100000000000001</v>
      </c>
      <c r="AK17" s="40">
        <v>106564</v>
      </c>
      <c r="AL17" s="38">
        <v>20686</v>
      </c>
      <c r="AM17" s="67">
        <v>19.399999999999999</v>
      </c>
      <c r="AN17" s="37">
        <v>108481</v>
      </c>
      <c r="AO17" s="38">
        <v>21595</v>
      </c>
      <c r="AP17" s="68">
        <v>19.899999999999999</v>
      </c>
      <c r="AQ17" s="40">
        <v>110604</v>
      </c>
      <c r="AR17" s="38">
        <v>22415</v>
      </c>
      <c r="AS17" s="67">
        <v>20.3</v>
      </c>
      <c r="AT17" s="37">
        <v>112818</v>
      </c>
      <c r="AU17" s="38">
        <v>23316</v>
      </c>
      <c r="AV17" s="68">
        <v>20.7</v>
      </c>
      <c r="AW17" s="40">
        <v>114857</v>
      </c>
      <c r="AX17" s="38">
        <v>24070</v>
      </c>
      <c r="AY17" s="41">
        <v>21</v>
      </c>
      <c r="AZ17" s="37">
        <v>116280</v>
      </c>
      <c r="BA17" s="38">
        <v>24645</v>
      </c>
      <c r="BB17" s="68">
        <v>21.2</v>
      </c>
      <c r="BC17" s="40">
        <v>118364</v>
      </c>
      <c r="BD17" s="38">
        <v>25549</v>
      </c>
      <c r="BE17" s="41">
        <v>21.6</v>
      </c>
      <c r="BF17" s="37">
        <v>120089</v>
      </c>
      <c r="BG17" s="38">
        <v>120998</v>
      </c>
      <c r="BH17" s="38">
        <v>26831</v>
      </c>
      <c r="BI17" s="38">
        <v>26885</v>
      </c>
      <c r="BJ17" s="69">
        <v>22.3</v>
      </c>
      <c r="BK17" s="39">
        <v>22.2</v>
      </c>
      <c r="BL17" s="40">
        <v>121798</v>
      </c>
      <c r="BM17" s="38">
        <v>122720</v>
      </c>
      <c r="BN17" s="38">
        <v>27680</v>
      </c>
      <c r="BO17" s="38">
        <v>27735</v>
      </c>
      <c r="BP17" s="47">
        <v>22.7</v>
      </c>
      <c r="BQ17" s="67">
        <v>22.6</v>
      </c>
      <c r="BR17" s="37">
        <v>123137</v>
      </c>
      <c r="BS17" s="38">
        <v>124061</v>
      </c>
      <c r="BT17" s="38">
        <v>28868</v>
      </c>
      <c r="BU17" s="38">
        <v>28921</v>
      </c>
      <c r="BV17" s="47">
        <v>23.4</v>
      </c>
      <c r="BW17" s="39">
        <v>23.3</v>
      </c>
      <c r="BX17" s="70">
        <v>124959</v>
      </c>
      <c r="BY17" s="38">
        <v>125980</v>
      </c>
      <c r="BZ17" s="74">
        <v>30061</v>
      </c>
      <c r="CA17" s="38">
        <v>30112</v>
      </c>
      <c r="CB17" s="47">
        <v>24.1</v>
      </c>
      <c r="CC17" s="41">
        <v>23.9</v>
      </c>
      <c r="CD17" s="37">
        <v>125850</v>
      </c>
      <c r="CE17" s="38">
        <v>126981</v>
      </c>
      <c r="CF17" s="38">
        <v>31026</v>
      </c>
      <c r="CG17" s="38">
        <v>31079</v>
      </c>
      <c r="CH17" s="47">
        <v>24.7</v>
      </c>
      <c r="CI17" s="39">
        <v>24.5</v>
      </c>
      <c r="CJ17" s="40">
        <v>126808</v>
      </c>
      <c r="CK17" s="38">
        <v>128013</v>
      </c>
      <c r="CL17" s="38">
        <v>32017</v>
      </c>
      <c r="CM17" s="38">
        <v>32078</v>
      </c>
      <c r="CN17" s="47">
        <v>25.2</v>
      </c>
      <c r="CO17" s="41">
        <v>25.1</v>
      </c>
      <c r="CP17" s="37">
        <v>127668</v>
      </c>
      <c r="CQ17" s="38">
        <v>128949</v>
      </c>
      <c r="CR17" s="38">
        <v>32856</v>
      </c>
      <c r="CS17" s="38">
        <v>32924</v>
      </c>
      <c r="CT17" s="47">
        <v>25.7</v>
      </c>
      <c r="CU17" s="49">
        <v>25.5</v>
      </c>
      <c r="CV17" s="37">
        <v>128946</v>
      </c>
      <c r="CW17" s="38">
        <v>130327</v>
      </c>
      <c r="CX17" s="38">
        <v>33761</v>
      </c>
      <c r="CY17" s="38">
        <v>33832</v>
      </c>
      <c r="CZ17" s="47">
        <f t="shared" si="0"/>
        <v>26.2</v>
      </c>
      <c r="DA17" s="49">
        <f t="shared" si="1"/>
        <v>26</v>
      </c>
      <c r="DB17" s="37">
        <v>129952</v>
      </c>
      <c r="DC17" s="38">
        <v>131253</v>
      </c>
      <c r="DD17" s="38">
        <v>34513</v>
      </c>
      <c r="DE17" s="38">
        <v>34596</v>
      </c>
      <c r="DF17" s="47">
        <v>26.6</v>
      </c>
      <c r="DG17" s="49">
        <v>26.4</v>
      </c>
      <c r="DH17" s="37">
        <v>130617</v>
      </c>
      <c r="DI17" s="38">
        <v>131857</v>
      </c>
      <c r="DJ17" s="38">
        <v>35148</v>
      </c>
      <c r="DK17" s="38">
        <v>35240</v>
      </c>
      <c r="DL17" s="47">
        <f t="shared" si="2"/>
        <v>26.9092078366522</v>
      </c>
      <c r="DM17" s="23">
        <f t="shared" si="3"/>
        <v>26.725922779981342</v>
      </c>
      <c r="DN17" s="37">
        <v>131798</v>
      </c>
      <c r="DO17" s="38">
        <v>133237</v>
      </c>
      <c r="DP17" s="38">
        <v>35786</v>
      </c>
      <c r="DQ17" s="38">
        <v>35880</v>
      </c>
      <c r="DR17" s="47">
        <f t="shared" si="4"/>
        <v>27.152157088878436</v>
      </c>
      <c r="DS17" s="23">
        <f t="shared" si="5"/>
        <v>26.92945653234462</v>
      </c>
    </row>
    <row r="18" spans="1:123" x14ac:dyDescent="0.2">
      <c r="A18" s="76"/>
      <c r="B18" s="179" t="s">
        <v>16</v>
      </c>
      <c r="C18" s="121" t="s">
        <v>61</v>
      </c>
      <c r="D18" s="53">
        <v>247512</v>
      </c>
      <c r="E18" s="51">
        <v>27397</v>
      </c>
      <c r="F18" s="52">
        <v>11.1</v>
      </c>
      <c r="G18" s="53">
        <v>249864</v>
      </c>
      <c r="H18" s="51">
        <v>29019</v>
      </c>
      <c r="I18" s="54">
        <v>11.6</v>
      </c>
      <c r="J18" s="50">
        <v>252298</v>
      </c>
      <c r="K18" s="51">
        <v>30594</v>
      </c>
      <c r="L18" s="52">
        <v>12.1</v>
      </c>
      <c r="M18" s="53">
        <v>254431</v>
      </c>
      <c r="N18" s="51">
        <v>32387</v>
      </c>
      <c r="O18" s="54">
        <v>12.7</v>
      </c>
      <c r="P18" s="50">
        <v>255796</v>
      </c>
      <c r="Q18" s="51">
        <v>34074</v>
      </c>
      <c r="R18" s="52">
        <v>13.3</v>
      </c>
      <c r="S18" s="53">
        <v>257207</v>
      </c>
      <c r="T18" s="51">
        <v>35695</v>
      </c>
      <c r="U18" s="58">
        <v>13.9</v>
      </c>
      <c r="V18" s="50">
        <v>258949</v>
      </c>
      <c r="W18" s="51">
        <v>37611</v>
      </c>
      <c r="X18" s="55">
        <v>14.5</v>
      </c>
      <c r="Y18" s="53">
        <v>261308</v>
      </c>
      <c r="Z18" s="51">
        <v>39445</v>
      </c>
      <c r="AA18" s="58">
        <v>15.1</v>
      </c>
      <c r="AB18" s="50">
        <v>264480</v>
      </c>
      <c r="AC18" s="51">
        <v>41467</v>
      </c>
      <c r="AD18" s="55">
        <v>15.7</v>
      </c>
      <c r="AE18" s="53">
        <v>267476</v>
      </c>
      <c r="AF18" s="51">
        <v>43275</v>
      </c>
      <c r="AG18" s="58">
        <v>16.2</v>
      </c>
      <c r="AH18" s="50">
        <v>269156</v>
      </c>
      <c r="AI18" s="51">
        <v>45021</v>
      </c>
      <c r="AJ18" s="55">
        <v>16.7</v>
      </c>
      <c r="AK18" s="53">
        <v>270512</v>
      </c>
      <c r="AL18" s="51">
        <v>46969</v>
      </c>
      <c r="AM18" s="58">
        <v>17.399999999999999</v>
      </c>
      <c r="AN18" s="50">
        <v>271742</v>
      </c>
      <c r="AO18" s="51">
        <v>48962</v>
      </c>
      <c r="AP18" s="55">
        <v>18</v>
      </c>
      <c r="AQ18" s="53">
        <v>273211</v>
      </c>
      <c r="AR18" s="51">
        <v>50866</v>
      </c>
      <c r="AS18" s="58">
        <v>18.600000000000001</v>
      </c>
      <c r="AT18" s="50">
        <v>273577</v>
      </c>
      <c r="AU18" s="51">
        <v>53206</v>
      </c>
      <c r="AV18" s="55">
        <v>19.399999999999999</v>
      </c>
      <c r="AW18" s="53">
        <v>274416</v>
      </c>
      <c r="AX18" s="51">
        <v>54846</v>
      </c>
      <c r="AY18" s="54">
        <v>20</v>
      </c>
      <c r="AZ18" s="50">
        <v>275360</v>
      </c>
      <c r="BA18" s="51">
        <v>56196</v>
      </c>
      <c r="BB18" s="55">
        <v>20.399999999999999</v>
      </c>
      <c r="BC18" s="53">
        <v>276416</v>
      </c>
      <c r="BD18" s="51">
        <v>58359</v>
      </c>
      <c r="BE18" s="54">
        <v>21.1</v>
      </c>
      <c r="BF18" s="50">
        <v>276871</v>
      </c>
      <c r="BG18" s="51">
        <v>278932</v>
      </c>
      <c r="BH18" s="51">
        <v>61096</v>
      </c>
      <c r="BI18" s="51">
        <v>61150</v>
      </c>
      <c r="BJ18" s="56">
        <v>22.1</v>
      </c>
      <c r="BK18" s="52">
        <v>21.9</v>
      </c>
      <c r="BL18" s="53">
        <v>278827</v>
      </c>
      <c r="BM18" s="51">
        <v>281041</v>
      </c>
      <c r="BN18" s="51">
        <v>63162</v>
      </c>
      <c r="BO18" s="51">
        <v>63219</v>
      </c>
      <c r="BP18" s="57">
        <v>22.7</v>
      </c>
      <c r="BQ18" s="58">
        <v>22.5</v>
      </c>
      <c r="BR18" s="50">
        <v>280033</v>
      </c>
      <c r="BS18" s="51">
        <v>282391</v>
      </c>
      <c r="BT18" s="51">
        <v>66440</v>
      </c>
      <c r="BU18" s="51">
        <v>66499</v>
      </c>
      <c r="BV18" s="57">
        <v>23.7</v>
      </c>
      <c r="BW18" s="52">
        <v>23.5</v>
      </c>
      <c r="BX18" s="59">
        <v>280894</v>
      </c>
      <c r="BY18" s="51">
        <v>283392</v>
      </c>
      <c r="BZ18" s="72">
        <v>69050</v>
      </c>
      <c r="CA18" s="51">
        <v>69114</v>
      </c>
      <c r="CB18" s="57">
        <v>24.6</v>
      </c>
      <c r="CC18" s="54">
        <v>24.4</v>
      </c>
      <c r="CD18" s="50">
        <v>282050</v>
      </c>
      <c r="CE18" s="51">
        <v>284799</v>
      </c>
      <c r="CF18" s="51">
        <v>71371</v>
      </c>
      <c r="CG18" s="51">
        <v>71437</v>
      </c>
      <c r="CH18" s="57">
        <v>25.3</v>
      </c>
      <c r="CI18" s="52">
        <v>25.1</v>
      </c>
      <c r="CJ18" s="53">
        <v>282525</v>
      </c>
      <c r="CK18" s="51">
        <v>285547</v>
      </c>
      <c r="CL18" s="51">
        <v>73487</v>
      </c>
      <c r="CM18" s="51">
        <v>73554</v>
      </c>
      <c r="CN18" s="57">
        <v>26</v>
      </c>
      <c r="CO18" s="54">
        <v>25.8</v>
      </c>
      <c r="CP18" s="50">
        <v>282841</v>
      </c>
      <c r="CQ18" s="51">
        <v>286112</v>
      </c>
      <c r="CR18" s="51">
        <v>75109</v>
      </c>
      <c r="CS18" s="51">
        <v>75185</v>
      </c>
      <c r="CT18" s="57">
        <v>26.6</v>
      </c>
      <c r="CU18" s="61">
        <v>26.3</v>
      </c>
      <c r="CV18" s="50">
        <v>282677</v>
      </c>
      <c r="CW18" s="51">
        <v>286186</v>
      </c>
      <c r="CX18" s="51">
        <v>76653</v>
      </c>
      <c r="CY18" s="51">
        <v>76738</v>
      </c>
      <c r="CZ18" s="21">
        <f t="shared" si="0"/>
        <v>27.1</v>
      </c>
      <c r="DA18" s="23">
        <f t="shared" si="1"/>
        <v>26.8</v>
      </c>
      <c r="DB18" s="50">
        <v>283019</v>
      </c>
      <c r="DC18" s="51">
        <v>286054</v>
      </c>
      <c r="DD18" s="51">
        <v>77784</v>
      </c>
      <c r="DE18" s="51">
        <v>77865</v>
      </c>
      <c r="DF18" s="21">
        <v>27.5</v>
      </c>
      <c r="DG18" s="23">
        <v>27.2</v>
      </c>
      <c r="DH18" s="50">
        <v>283064</v>
      </c>
      <c r="DI18" s="51">
        <v>285887</v>
      </c>
      <c r="DJ18" s="51">
        <v>78536</v>
      </c>
      <c r="DK18" s="51">
        <v>78626</v>
      </c>
      <c r="DL18" s="21">
        <f t="shared" si="2"/>
        <v>27.744962270016675</v>
      </c>
      <c r="DM18" s="61">
        <f t="shared" si="3"/>
        <v>27.502474754011203</v>
      </c>
      <c r="DN18" s="50">
        <v>282188</v>
      </c>
      <c r="DO18" s="51">
        <v>285671</v>
      </c>
      <c r="DP18" s="51">
        <v>78939</v>
      </c>
      <c r="DQ18" s="51">
        <v>79036</v>
      </c>
      <c r="DR18" s="21">
        <f t="shared" si="4"/>
        <v>27.973903922207889</v>
      </c>
      <c r="DS18" s="61">
        <f t="shared" si="5"/>
        <v>27.666791518915119</v>
      </c>
    </row>
    <row r="19" spans="1:123" x14ac:dyDescent="0.2">
      <c r="A19" s="76"/>
      <c r="B19" s="172"/>
      <c r="C19" s="123" t="s">
        <v>62</v>
      </c>
      <c r="D19" s="27">
        <v>120259</v>
      </c>
      <c r="E19" s="25">
        <v>11630</v>
      </c>
      <c r="F19" s="26">
        <v>9.6999999999999993</v>
      </c>
      <c r="G19" s="27">
        <v>121354</v>
      </c>
      <c r="H19" s="25">
        <v>12283</v>
      </c>
      <c r="I19" s="28">
        <v>10.1</v>
      </c>
      <c r="J19" s="24">
        <v>122451</v>
      </c>
      <c r="K19" s="25">
        <v>12972</v>
      </c>
      <c r="L19" s="26">
        <v>10.6</v>
      </c>
      <c r="M19" s="27">
        <v>123374</v>
      </c>
      <c r="N19" s="25">
        <v>13733</v>
      </c>
      <c r="O19" s="28">
        <v>11.1</v>
      </c>
      <c r="P19" s="24">
        <v>123708</v>
      </c>
      <c r="Q19" s="25">
        <v>14434</v>
      </c>
      <c r="R19" s="26">
        <v>11.7</v>
      </c>
      <c r="S19" s="27">
        <v>124212</v>
      </c>
      <c r="T19" s="25">
        <v>15192</v>
      </c>
      <c r="U19" s="62">
        <v>12.2</v>
      </c>
      <c r="V19" s="24">
        <v>124955</v>
      </c>
      <c r="W19" s="25">
        <v>15979</v>
      </c>
      <c r="X19" s="63">
        <v>12.8</v>
      </c>
      <c r="Y19" s="27">
        <v>126116</v>
      </c>
      <c r="Z19" s="25">
        <v>16735</v>
      </c>
      <c r="AA19" s="62">
        <v>13.3</v>
      </c>
      <c r="AB19" s="24">
        <v>127443</v>
      </c>
      <c r="AC19" s="25">
        <v>17555</v>
      </c>
      <c r="AD19" s="63">
        <v>13.8</v>
      </c>
      <c r="AE19" s="27">
        <v>128643</v>
      </c>
      <c r="AF19" s="25">
        <v>18280</v>
      </c>
      <c r="AG19" s="62">
        <v>14.2</v>
      </c>
      <c r="AH19" s="24">
        <v>129163</v>
      </c>
      <c r="AI19" s="25">
        <v>19041</v>
      </c>
      <c r="AJ19" s="63">
        <v>14.7</v>
      </c>
      <c r="AK19" s="27">
        <v>129750</v>
      </c>
      <c r="AL19" s="25">
        <v>19846</v>
      </c>
      <c r="AM19" s="62">
        <v>15.3</v>
      </c>
      <c r="AN19" s="24">
        <v>130149</v>
      </c>
      <c r="AO19" s="25">
        <v>20686</v>
      </c>
      <c r="AP19" s="63">
        <v>15.9</v>
      </c>
      <c r="AQ19" s="27">
        <v>130750</v>
      </c>
      <c r="AR19" s="25">
        <v>21442</v>
      </c>
      <c r="AS19" s="62">
        <v>16.399999999999999</v>
      </c>
      <c r="AT19" s="24">
        <v>130642</v>
      </c>
      <c r="AU19" s="25">
        <v>22438</v>
      </c>
      <c r="AV19" s="63">
        <v>17.2</v>
      </c>
      <c r="AW19" s="27">
        <v>130911</v>
      </c>
      <c r="AX19" s="25">
        <v>23132</v>
      </c>
      <c r="AY19" s="28">
        <v>17.7</v>
      </c>
      <c r="AZ19" s="24">
        <v>131112</v>
      </c>
      <c r="BA19" s="25">
        <v>23567</v>
      </c>
      <c r="BB19" s="63">
        <v>18</v>
      </c>
      <c r="BC19" s="27">
        <v>131243</v>
      </c>
      <c r="BD19" s="25">
        <v>24366</v>
      </c>
      <c r="BE19" s="28">
        <v>18.600000000000001</v>
      </c>
      <c r="BF19" s="24">
        <v>131324</v>
      </c>
      <c r="BG19" s="25">
        <v>132250</v>
      </c>
      <c r="BH19" s="25">
        <v>25527</v>
      </c>
      <c r="BI19" s="25">
        <v>25549</v>
      </c>
      <c r="BJ19" s="64">
        <v>19.399999999999999</v>
      </c>
      <c r="BK19" s="26">
        <v>19.3</v>
      </c>
      <c r="BL19" s="27">
        <v>132513</v>
      </c>
      <c r="BM19" s="25">
        <v>133502</v>
      </c>
      <c r="BN19" s="25">
        <v>26442</v>
      </c>
      <c r="BO19" s="25">
        <v>26468</v>
      </c>
      <c r="BP19" s="34">
        <v>20</v>
      </c>
      <c r="BQ19" s="62">
        <v>19.8</v>
      </c>
      <c r="BR19" s="24">
        <v>132988</v>
      </c>
      <c r="BS19" s="25">
        <v>134023</v>
      </c>
      <c r="BT19" s="25">
        <v>27840</v>
      </c>
      <c r="BU19" s="25">
        <v>27866</v>
      </c>
      <c r="BV19" s="34">
        <v>20.9</v>
      </c>
      <c r="BW19" s="26">
        <v>20.8</v>
      </c>
      <c r="BX19" s="65">
        <v>133200</v>
      </c>
      <c r="BY19" s="25">
        <v>134306</v>
      </c>
      <c r="BZ19" s="73">
        <v>28985</v>
      </c>
      <c r="CA19" s="25">
        <v>29013</v>
      </c>
      <c r="CB19" s="34">
        <v>21.8</v>
      </c>
      <c r="CC19" s="28">
        <v>21.6</v>
      </c>
      <c r="CD19" s="24">
        <v>133761</v>
      </c>
      <c r="CE19" s="25">
        <v>134978</v>
      </c>
      <c r="CF19" s="25">
        <v>30000</v>
      </c>
      <c r="CG19" s="25">
        <v>30027</v>
      </c>
      <c r="CH19" s="34">
        <v>22.4</v>
      </c>
      <c r="CI19" s="26">
        <v>22.2</v>
      </c>
      <c r="CJ19" s="27">
        <v>133948</v>
      </c>
      <c r="CK19" s="25">
        <v>135353</v>
      </c>
      <c r="CL19" s="25">
        <v>30978</v>
      </c>
      <c r="CM19" s="25">
        <v>31008</v>
      </c>
      <c r="CN19" s="34">
        <v>23.1</v>
      </c>
      <c r="CO19" s="28">
        <v>22.9</v>
      </c>
      <c r="CP19" s="24">
        <v>134147</v>
      </c>
      <c r="CQ19" s="25">
        <v>135706</v>
      </c>
      <c r="CR19" s="25">
        <v>31658</v>
      </c>
      <c r="CS19" s="25">
        <v>31692</v>
      </c>
      <c r="CT19" s="34">
        <v>23.6</v>
      </c>
      <c r="CU19" s="36">
        <v>23.4</v>
      </c>
      <c r="CV19" s="24">
        <v>134087</v>
      </c>
      <c r="CW19" s="25">
        <v>135736</v>
      </c>
      <c r="CX19" s="25">
        <v>32353</v>
      </c>
      <c r="CY19" s="25">
        <v>32392</v>
      </c>
      <c r="CZ19" s="34">
        <f t="shared" si="0"/>
        <v>24.1</v>
      </c>
      <c r="DA19" s="36">
        <f t="shared" si="1"/>
        <v>23.9</v>
      </c>
      <c r="DB19" s="24">
        <v>134451</v>
      </c>
      <c r="DC19" s="25">
        <v>135967</v>
      </c>
      <c r="DD19" s="25">
        <v>32872</v>
      </c>
      <c r="DE19" s="25">
        <v>32910</v>
      </c>
      <c r="DF19" s="34">
        <v>24.4</v>
      </c>
      <c r="DG19" s="36">
        <v>24.2</v>
      </c>
      <c r="DH19" s="24">
        <v>134465</v>
      </c>
      <c r="DI19" s="25">
        <v>135929</v>
      </c>
      <c r="DJ19" s="25">
        <v>33149</v>
      </c>
      <c r="DK19" s="25">
        <v>33192</v>
      </c>
      <c r="DL19" s="34">
        <f t="shared" si="2"/>
        <v>24.652511806046181</v>
      </c>
      <c r="DM19" s="36">
        <f t="shared" si="3"/>
        <v>24.418630314355287</v>
      </c>
      <c r="DN19" s="24">
        <v>134136</v>
      </c>
      <c r="DO19" s="25">
        <v>135948</v>
      </c>
      <c r="DP19" s="25">
        <v>33310</v>
      </c>
      <c r="DQ19" s="25">
        <v>33357</v>
      </c>
      <c r="DR19" s="34">
        <f t="shared" si="4"/>
        <v>24.833005308045568</v>
      </c>
      <c r="DS19" s="36">
        <f t="shared" si="5"/>
        <v>24.536587518757173</v>
      </c>
    </row>
    <row r="20" spans="1:123" x14ac:dyDescent="0.2">
      <c r="A20" s="76"/>
      <c r="B20" s="174"/>
      <c r="C20" s="122" t="s">
        <v>63</v>
      </c>
      <c r="D20" s="40">
        <v>127253</v>
      </c>
      <c r="E20" s="38">
        <v>15767</v>
      </c>
      <c r="F20" s="39">
        <v>12.4</v>
      </c>
      <c r="G20" s="40">
        <v>128510</v>
      </c>
      <c r="H20" s="38">
        <v>16736</v>
      </c>
      <c r="I20" s="41">
        <v>13</v>
      </c>
      <c r="J20" s="37">
        <v>129847</v>
      </c>
      <c r="K20" s="38">
        <v>17622</v>
      </c>
      <c r="L20" s="39">
        <v>13.6</v>
      </c>
      <c r="M20" s="40">
        <v>131057</v>
      </c>
      <c r="N20" s="38">
        <v>18654</v>
      </c>
      <c r="O20" s="41">
        <v>14.2</v>
      </c>
      <c r="P20" s="37">
        <v>132088</v>
      </c>
      <c r="Q20" s="38">
        <v>19640</v>
      </c>
      <c r="R20" s="39">
        <v>14.9</v>
      </c>
      <c r="S20" s="40">
        <v>132995</v>
      </c>
      <c r="T20" s="38">
        <v>20503</v>
      </c>
      <c r="U20" s="67">
        <v>15.4</v>
      </c>
      <c r="V20" s="37">
        <v>133994</v>
      </c>
      <c r="W20" s="38">
        <v>21632</v>
      </c>
      <c r="X20" s="68">
        <v>16.100000000000001</v>
      </c>
      <c r="Y20" s="40">
        <v>135192</v>
      </c>
      <c r="Z20" s="38">
        <v>22710</v>
      </c>
      <c r="AA20" s="67">
        <v>16.8</v>
      </c>
      <c r="AB20" s="37">
        <v>137037</v>
      </c>
      <c r="AC20" s="38">
        <v>23912</v>
      </c>
      <c r="AD20" s="68">
        <v>17.399999999999999</v>
      </c>
      <c r="AE20" s="40">
        <v>138833</v>
      </c>
      <c r="AF20" s="38">
        <v>24995</v>
      </c>
      <c r="AG20" s="67">
        <v>18</v>
      </c>
      <c r="AH20" s="37">
        <v>139993</v>
      </c>
      <c r="AI20" s="38">
        <v>25980</v>
      </c>
      <c r="AJ20" s="68">
        <v>18.600000000000001</v>
      </c>
      <c r="AK20" s="40">
        <v>140762</v>
      </c>
      <c r="AL20" s="38">
        <v>27123</v>
      </c>
      <c r="AM20" s="67">
        <v>19.3</v>
      </c>
      <c r="AN20" s="37">
        <v>141593</v>
      </c>
      <c r="AO20" s="38">
        <v>28276</v>
      </c>
      <c r="AP20" s="68">
        <v>20</v>
      </c>
      <c r="AQ20" s="40">
        <v>142461</v>
      </c>
      <c r="AR20" s="38">
        <v>29424</v>
      </c>
      <c r="AS20" s="67">
        <v>20.7</v>
      </c>
      <c r="AT20" s="37">
        <v>142935</v>
      </c>
      <c r="AU20" s="38">
        <v>30768</v>
      </c>
      <c r="AV20" s="68">
        <v>21.5</v>
      </c>
      <c r="AW20" s="40">
        <v>143505</v>
      </c>
      <c r="AX20" s="38">
        <v>31714</v>
      </c>
      <c r="AY20" s="41">
        <v>22.1</v>
      </c>
      <c r="AZ20" s="37">
        <v>144248</v>
      </c>
      <c r="BA20" s="38">
        <v>32629</v>
      </c>
      <c r="BB20" s="68">
        <v>22.6</v>
      </c>
      <c r="BC20" s="40">
        <v>145173</v>
      </c>
      <c r="BD20" s="38">
        <v>33993</v>
      </c>
      <c r="BE20" s="41">
        <v>23.4</v>
      </c>
      <c r="BF20" s="37">
        <v>145547</v>
      </c>
      <c r="BG20" s="38">
        <v>146682</v>
      </c>
      <c r="BH20" s="38">
        <v>35569</v>
      </c>
      <c r="BI20" s="38">
        <v>35601</v>
      </c>
      <c r="BJ20" s="69">
        <v>24.4</v>
      </c>
      <c r="BK20" s="39">
        <v>24.3</v>
      </c>
      <c r="BL20" s="40">
        <v>146314</v>
      </c>
      <c r="BM20" s="38">
        <v>147539</v>
      </c>
      <c r="BN20" s="38">
        <v>36720</v>
      </c>
      <c r="BO20" s="38">
        <v>36751</v>
      </c>
      <c r="BP20" s="47">
        <v>25.1</v>
      </c>
      <c r="BQ20" s="67">
        <v>24.9</v>
      </c>
      <c r="BR20" s="37">
        <v>147045</v>
      </c>
      <c r="BS20" s="38">
        <v>148368</v>
      </c>
      <c r="BT20" s="38">
        <v>38600</v>
      </c>
      <c r="BU20" s="38">
        <v>38633</v>
      </c>
      <c r="BV20" s="47">
        <v>26.3</v>
      </c>
      <c r="BW20" s="39">
        <v>26</v>
      </c>
      <c r="BX20" s="70">
        <v>147694</v>
      </c>
      <c r="BY20" s="38">
        <v>149086</v>
      </c>
      <c r="BZ20" s="74">
        <v>40065</v>
      </c>
      <c r="CA20" s="38">
        <v>40101</v>
      </c>
      <c r="CB20" s="47">
        <v>27.1</v>
      </c>
      <c r="CC20" s="41">
        <v>26.9</v>
      </c>
      <c r="CD20" s="37">
        <v>148289</v>
      </c>
      <c r="CE20" s="38">
        <v>149821</v>
      </c>
      <c r="CF20" s="38">
        <v>41371</v>
      </c>
      <c r="CG20" s="38">
        <v>41410</v>
      </c>
      <c r="CH20" s="47">
        <v>27.9</v>
      </c>
      <c r="CI20" s="39">
        <v>27.6</v>
      </c>
      <c r="CJ20" s="40">
        <v>148577</v>
      </c>
      <c r="CK20" s="38">
        <v>150194</v>
      </c>
      <c r="CL20" s="38">
        <v>42509</v>
      </c>
      <c r="CM20" s="38">
        <v>42546</v>
      </c>
      <c r="CN20" s="47">
        <v>28.6</v>
      </c>
      <c r="CO20" s="41">
        <v>28.3</v>
      </c>
      <c r="CP20" s="37">
        <v>148694</v>
      </c>
      <c r="CQ20" s="38">
        <v>150406</v>
      </c>
      <c r="CR20" s="38">
        <v>43451</v>
      </c>
      <c r="CS20" s="38">
        <v>43493</v>
      </c>
      <c r="CT20" s="47">
        <v>29.2</v>
      </c>
      <c r="CU20" s="49">
        <v>28.9</v>
      </c>
      <c r="CV20" s="37">
        <v>148590</v>
      </c>
      <c r="CW20" s="38">
        <v>150450</v>
      </c>
      <c r="CX20" s="38">
        <v>44300</v>
      </c>
      <c r="CY20" s="38">
        <v>44346</v>
      </c>
      <c r="CZ20" s="47">
        <f t="shared" si="0"/>
        <v>29.8</v>
      </c>
      <c r="DA20" s="49">
        <f t="shared" si="1"/>
        <v>29.5</v>
      </c>
      <c r="DB20" s="37">
        <v>148568</v>
      </c>
      <c r="DC20" s="38">
        <v>150087</v>
      </c>
      <c r="DD20" s="38">
        <v>44912</v>
      </c>
      <c r="DE20" s="38">
        <v>44955</v>
      </c>
      <c r="DF20" s="47">
        <v>30.2</v>
      </c>
      <c r="DG20" s="49">
        <v>30</v>
      </c>
      <c r="DH20" s="37">
        <v>148599</v>
      </c>
      <c r="DI20" s="38">
        <v>149958</v>
      </c>
      <c r="DJ20" s="38">
        <v>45387</v>
      </c>
      <c r="DK20" s="38">
        <v>45434</v>
      </c>
      <c r="DL20" s="47">
        <f t="shared" si="2"/>
        <v>30.543274180849128</v>
      </c>
      <c r="DM20" s="23">
        <f t="shared" si="3"/>
        <v>30.297816722015497</v>
      </c>
      <c r="DN20" s="37">
        <v>148052</v>
      </c>
      <c r="DO20" s="38">
        <v>149723</v>
      </c>
      <c r="DP20" s="38">
        <v>45629</v>
      </c>
      <c r="DQ20" s="38">
        <v>45679</v>
      </c>
      <c r="DR20" s="47">
        <f t="shared" si="4"/>
        <v>30.819576905411612</v>
      </c>
      <c r="DS20" s="23">
        <f t="shared" si="5"/>
        <v>30.509006632247548</v>
      </c>
    </row>
    <row r="21" spans="1:123" x14ac:dyDescent="0.2">
      <c r="A21" s="76"/>
      <c r="B21" s="179" t="s">
        <v>17</v>
      </c>
      <c r="C21" s="121" t="s">
        <v>61</v>
      </c>
      <c r="D21" s="53">
        <v>238383</v>
      </c>
      <c r="E21" s="51">
        <v>26156</v>
      </c>
      <c r="F21" s="52">
        <v>11</v>
      </c>
      <c r="G21" s="53">
        <v>241742</v>
      </c>
      <c r="H21" s="51">
        <v>27786</v>
      </c>
      <c r="I21" s="54">
        <v>11.5</v>
      </c>
      <c r="J21" s="50">
        <v>243459</v>
      </c>
      <c r="K21" s="51">
        <v>28984</v>
      </c>
      <c r="L21" s="52">
        <v>11.9</v>
      </c>
      <c r="M21" s="53">
        <v>245388</v>
      </c>
      <c r="N21" s="51">
        <v>30574</v>
      </c>
      <c r="O21" s="54">
        <v>12.5</v>
      </c>
      <c r="P21" s="50">
        <v>246335</v>
      </c>
      <c r="Q21" s="51">
        <v>31860</v>
      </c>
      <c r="R21" s="52">
        <v>12.9</v>
      </c>
      <c r="S21" s="53">
        <v>247272</v>
      </c>
      <c r="T21" s="51">
        <v>33399</v>
      </c>
      <c r="U21" s="58">
        <v>13.5</v>
      </c>
      <c r="V21" s="50">
        <v>248021</v>
      </c>
      <c r="W21" s="51">
        <v>34958</v>
      </c>
      <c r="X21" s="55">
        <v>14.1</v>
      </c>
      <c r="Y21" s="53">
        <v>248668</v>
      </c>
      <c r="Z21" s="51">
        <v>36386</v>
      </c>
      <c r="AA21" s="58">
        <v>14.6</v>
      </c>
      <c r="AB21" s="50">
        <v>249950</v>
      </c>
      <c r="AC21" s="51">
        <v>37911</v>
      </c>
      <c r="AD21" s="55">
        <v>15.2</v>
      </c>
      <c r="AE21" s="53">
        <v>250846</v>
      </c>
      <c r="AF21" s="51">
        <v>39212</v>
      </c>
      <c r="AG21" s="58">
        <v>15.6</v>
      </c>
      <c r="AH21" s="50">
        <v>251179</v>
      </c>
      <c r="AI21" s="51">
        <v>40421</v>
      </c>
      <c r="AJ21" s="55">
        <v>16.100000000000001</v>
      </c>
      <c r="AK21" s="53">
        <v>252460</v>
      </c>
      <c r="AL21" s="51">
        <v>42021</v>
      </c>
      <c r="AM21" s="58">
        <v>16.600000000000001</v>
      </c>
      <c r="AN21" s="50">
        <v>252586</v>
      </c>
      <c r="AO21" s="51">
        <v>43922</v>
      </c>
      <c r="AP21" s="55">
        <v>17.399999999999999</v>
      </c>
      <c r="AQ21" s="53">
        <v>252549</v>
      </c>
      <c r="AR21" s="51">
        <v>45475</v>
      </c>
      <c r="AS21" s="58">
        <v>18</v>
      </c>
      <c r="AT21" s="50">
        <v>252688</v>
      </c>
      <c r="AU21" s="51">
        <v>47349</v>
      </c>
      <c r="AV21" s="55">
        <v>18.7</v>
      </c>
      <c r="AW21" s="53">
        <v>252733</v>
      </c>
      <c r="AX21" s="51">
        <v>48770</v>
      </c>
      <c r="AY21" s="54">
        <v>19.3</v>
      </c>
      <c r="AZ21" s="50">
        <v>253087</v>
      </c>
      <c r="BA21" s="51">
        <v>49701</v>
      </c>
      <c r="BB21" s="55">
        <v>19.600000000000001</v>
      </c>
      <c r="BC21" s="53">
        <v>253912</v>
      </c>
      <c r="BD21" s="51">
        <v>51430</v>
      </c>
      <c r="BE21" s="54">
        <v>20.3</v>
      </c>
      <c r="BF21" s="50">
        <v>255094</v>
      </c>
      <c r="BG21" s="51">
        <v>256258</v>
      </c>
      <c r="BH21" s="51">
        <v>53836</v>
      </c>
      <c r="BI21" s="51">
        <v>53918</v>
      </c>
      <c r="BJ21" s="56">
        <v>21.1</v>
      </c>
      <c r="BK21" s="52">
        <v>21</v>
      </c>
      <c r="BL21" s="53">
        <v>256240</v>
      </c>
      <c r="BM21" s="51">
        <v>257485</v>
      </c>
      <c r="BN21" s="51">
        <v>55797</v>
      </c>
      <c r="BO21" s="51">
        <v>55876</v>
      </c>
      <c r="BP21" s="57">
        <v>21.8</v>
      </c>
      <c r="BQ21" s="58">
        <v>21.7</v>
      </c>
      <c r="BR21" s="50">
        <v>257110</v>
      </c>
      <c r="BS21" s="51">
        <v>258390</v>
      </c>
      <c r="BT21" s="51">
        <v>58674</v>
      </c>
      <c r="BU21" s="51">
        <v>58759</v>
      </c>
      <c r="BV21" s="57">
        <v>22.8</v>
      </c>
      <c r="BW21" s="52">
        <v>22.7</v>
      </c>
      <c r="BX21" s="59">
        <v>258469</v>
      </c>
      <c r="BY21" s="51">
        <v>259826</v>
      </c>
      <c r="BZ21" s="72">
        <v>61147</v>
      </c>
      <c r="CA21" s="51">
        <v>61238</v>
      </c>
      <c r="CB21" s="57">
        <v>23.7</v>
      </c>
      <c r="CC21" s="54">
        <v>23.6</v>
      </c>
      <c r="CD21" s="50">
        <v>259818</v>
      </c>
      <c r="CE21" s="51">
        <v>261281</v>
      </c>
      <c r="CF21" s="51">
        <v>63114</v>
      </c>
      <c r="CG21" s="51">
        <v>63205</v>
      </c>
      <c r="CH21" s="57">
        <v>24.3</v>
      </c>
      <c r="CI21" s="52">
        <v>24.2</v>
      </c>
      <c r="CJ21" s="53">
        <v>260507</v>
      </c>
      <c r="CK21" s="51">
        <v>262118</v>
      </c>
      <c r="CL21" s="51">
        <v>64799</v>
      </c>
      <c r="CM21" s="51">
        <v>64901</v>
      </c>
      <c r="CN21" s="57">
        <v>24.9</v>
      </c>
      <c r="CO21" s="54">
        <v>24.8</v>
      </c>
      <c r="CP21" s="50">
        <v>260056</v>
      </c>
      <c r="CQ21" s="51">
        <v>261777</v>
      </c>
      <c r="CR21" s="51">
        <v>66314</v>
      </c>
      <c r="CS21" s="51">
        <v>66419</v>
      </c>
      <c r="CT21" s="57">
        <v>25.5</v>
      </c>
      <c r="CU21" s="61">
        <v>25.4</v>
      </c>
      <c r="CV21" s="50">
        <v>259939</v>
      </c>
      <c r="CW21" s="51">
        <v>261922</v>
      </c>
      <c r="CX21" s="51">
        <v>67667</v>
      </c>
      <c r="CY21" s="51">
        <v>67767</v>
      </c>
      <c r="CZ21" s="21">
        <f t="shared" si="0"/>
        <v>26</v>
      </c>
      <c r="DA21" s="23">
        <f t="shared" si="1"/>
        <v>25.9</v>
      </c>
      <c r="DB21" s="50">
        <v>260440</v>
      </c>
      <c r="DC21" s="51">
        <v>262298</v>
      </c>
      <c r="DD21" s="51">
        <v>68873</v>
      </c>
      <c r="DE21" s="51">
        <v>68984</v>
      </c>
      <c r="DF21" s="21">
        <v>26.4</v>
      </c>
      <c r="DG21" s="23">
        <v>26.3</v>
      </c>
      <c r="DH21" s="50">
        <v>260242</v>
      </c>
      <c r="DI21" s="51">
        <v>261971</v>
      </c>
      <c r="DJ21" s="51">
        <v>69481</v>
      </c>
      <c r="DK21" s="51">
        <v>69590</v>
      </c>
      <c r="DL21" s="21">
        <f t="shared" si="2"/>
        <v>26.698611292566149</v>
      </c>
      <c r="DM21" s="61">
        <f t="shared" si="3"/>
        <v>26.56400899336186</v>
      </c>
      <c r="DN21" s="50">
        <v>259417</v>
      </c>
      <c r="DO21" s="51">
        <v>261288</v>
      </c>
      <c r="DP21" s="51">
        <v>69882</v>
      </c>
      <c r="DQ21" s="51">
        <v>69994</v>
      </c>
      <c r="DR21" s="21">
        <f t="shared" si="4"/>
        <v>26.938095807136769</v>
      </c>
      <c r="DS21" s="61">
        <f t="shared" si="5"/>
        <v>26.78806527662962</v>
      </c>
    </row>
    <row r="22" spans="1:123" x14ac:dyDescent="0.2">
      <c r="A22" s="76"/>
      <c r="B22" s="172"/>
      <c r="C22" s="123" t="s">
        <v>62</v>
      </c>
      <c r="D22" s="27">
        <v>117212</v>
      </c>
      <c r="E22" s="25">
        <v>11058</v>
      </c>
      <c r="F22" s="26">
        <v>9.4</v>
      </c>
      <c r="G22" s="27">
        <v>118736</v>
      </c>
      <c r="H22" s="25">
        <v>11763</v>
      </c>
      <c r="I22" s="28">
        <v>9.9</v>
      </c>
      <c r="J22" s="24">
        <v>119418</v>
      </c>
      <c r="K22" s="25">
        <v>12272</v>
      </c>
      <c r="L22" s="26">
        <v>10.3</v>
      </c>
      <c r="M22" s="27">
        <v>120196</v>
      </c>
      <c r="N22" s="25">
        <v>12971</v>
      </c>
      <c r="O22" s="28">
        <v>10.8</v>
      </c>
      <c r="P22" s="24">
        <v>120364</v>
      </c>
      <c r="Q22" s="25">
        <v>13508</v>
      </c>
      <c r="R22" s="26">
        <v>11.2</v>
      </c>
      <c r="S22" s="27">
        <v>120627</v>
      </c>
      <c r="T22" s="25">
        <v>14142</v>
      </c>
      <c r="U22" s="62">
        <v>11.7</v>
      </c>
      <c r="V22" s="24">
        <v>120654</v>
      </c>
      <c r="W22" s="25">
        <v>14829</v>
      </c>
      <c r="X22" s="63">
        <v>12.3</v>
      </c>
      <c r="Y22" s="27">
        <v>120791</v>
      </c>
      <c r="Z22" s="25">
        <v>15427</v>
      </c>
      <c r="AA22" s="62">
        <v>12.8</v>
      </c>
      <c r="AB22" s="24">
        <v>121261</v>
      </c>
      <c r="AC22" s="25">
        <v>16001</v>
      </c>
      <c r="AD22" s="63">
        <v>13.2</v>
      </c>
      <c r="AE22" s="27">
        <v>121552</v>
      </c>
      <c r="AF22" s="25">
        <v>16524</v>
      </c>
      <c r="AG22" s="62">
        <v>13.6</v>
      </c>
      <c r="AH22" s="24">
        <v>121322</v>
      </c>
      <c r="AI22" s="25">
        <v>16962</v>
      </c>
      <c r="AJ22" s="63">
        <v>14</v>
      </c>
      <c r="AK22" s="27">
        <v>121845</v>
      </c>
      <c r="AL22" s="25">
        <v>17628</v>
      </c>
      <c r="AM22" s="62">
        <v>14.5</v>
      </c>
      <c r="AN22" s="24">
        <v>121631</v>
      </c>
      <c r="AO22" s="25">
        <v>18392</v>
      </c>
      <c r="AP22" s="63">
        <v>15.1</v>
      </c>
      <c r="AQ22" s="27">
        <v>121305</v>
      </c>
      <c r="AR22" s="25">
        <v>18955</v>
      </c>
      <c r="AS22" s="62">
        <v>15.6</v>
      </c>
      <c r="AT22" s="24">
        <v>121139</v>
      </c>
      <c r="AU22" s="25">
        <v>19742</v>
      </c>
      <c r="AV22" s="63">
        <v>16.3</v>
      </c>
      <c r="AW22" s="27">
        <v>120995</v>
      </c>
      <c r="AX22" s="25">
        <v>20328</v>
      </c>
      <c r="AY22" s="28">
        <v>16.8</v>
      </c>
      <c r="AZ22" s="24">
        <v>121027</v>
      </c>
      <c r="BA22" s="25">
        <v>20627</v>
      </c>
      <c r="BB22" s="63">
        <v>17</v>
      </c>
      <c r="BC22" s="27">
        <v>121143</v>
      </c>
      <c r="BD22" s="25">
        <v>21392</v>
      </c>
      <c r="BE22" s="28">
        <v>17.7</v>
      </c>
      <c r="BF22" s="24">
        <v>121582</v>
      </c>
      <c r="BG22" s="25">
        <v>122213</v>
      </c>
      <c r="BH22" s="25">
        <v>22435</v>
      </c>
      <c r="BI22" s="25">
        <v>22471</v>
      </c>
      <c r="BJ22" s="64">
        <v>18.5</v>
      </c>
      <c r="BK22" s="26">
        <v>18.399999999999999</v>
      </c>
      <c r="BL22" s="27">
        <v>122029</v>
      </c>
      <c r="BM22" s="25">
        <v>122722</v>
      </c>
      <c r="BN22" s="25">
        <v>23246</v>
      </c>
      <c r="BO22" s="25">
        <v>23280</v>
      </c>
      <c r="BP22" s="34">
        <v>19</v>
      </c>
      <c r="BQ22" s="62">
        <v>19</v>
      </c>
      <c r="BR22" s="24">
        <v>122337</v>
      </c>
      <c r="BS22" s="25">
        <v>123040</v>
      </c>
      <c r="BT22" s="25">
        <v>24483</v>
      </c>
      <c r="BU22" s="25">
        <v>24519</v>
      </c>
      <c r="BV22" s="34">
        <v>20</v>
      </c>
      <c r="BW22" s="26">
        <v>19.899999999999999</v>
      </c>
      <c r="BX22" s="65">
        <v>122936</v>
      </c>
      <c r="BY22" s="25">
        <v>123665</v>
      </c>
      <c r="BZ22" s="73">
        <v>25523</v>
      </c>
      <c r="CA22" s="25">
        <v>25559</v>
      </c>
      <c r="CB22" s="34">
        <v>20.8</v>
      </c>
      <c r="CC22" s="28">
        <v>20.7</v>
      </c>
      <c r="CD22" s="24">
        <v>123367</v>
      </c>
      <c r="CE22" s="25">
        <v>124165</v>
      </c>
      <c r="CF22" s="25">
        <v>26336</v>
      </c>
      <c r="CG22" s="25">
        <v>26373</v>
      </c>
      <c r="CH22" s="34">
        <v>21.3</v>
      </c>
      <c r="CI22" s="26">
        <v>21.2</v>
      </c>
      <c r="CJ22" s="27">
        <v>123840</v>
      </c>
      <c r="CK22" s="25">
        <v>124756</v>
      </c>
      <c r="CL22" s="25">
        <v>27097</v>
      </c>
      <c r="CM22" s="25">
        <v>27137</v>
      </c>
      <c r="CN22" s="34">
        <v>21.9</v>
      </c>
      <c r="CO22" s="28">
        <v>21.8</v>
      </c>
      <c r="CP22" s="24">
        <v>123497</v>
      </c>
      <c r="CQ22" s="25">
        <v>124445</v>
      </c>
      <c r="CR22" s="25">
        <v>27693</v>
      </c>
      <c r="CS22" s="25">
        <v>27733</v>
      </c>
      <c r="CT22" s="34">
        <v>22.4</v>
      </c>
      <c r="CU22" s="36">
        <v>22.3</v>
      </c>
      <c r="CV22" s="24">
        <v>123401</v>
      </c>
      <c r="CW22" s="25">
        <v>124541</v>
      </c>
      <c r="CX22" s="25">
        <v>28227</v>
      </c>
      <c r="CY22" s="25">
        <v>28269</v>
      </c>
      <c r="CZ22" s="34">
        <f t="shared" si="0"/>
        <v>22.9</v>
      </c>
      <c r="DA22" s="36">
        <f t="shared" si="1"/>
        <v>22.7</v>
      </c>
      <c r="DB22" s="24">
        <v>123511</v>
      </c>
      <c r="DC22" s="25">
        <v>124567</v>
      </c>
      <c r="DD22" s="25">
        <v>28732</v>
      </c>
      <c r="DE22" s="25">
        <v>28780</v>
      </c>
      <c r="DF22" s="34">
        <v>23.3</v>
      </c>
      <c r="DG22" s="36">
        <v>23.1</v>
      </c>
      <c r="DH22" s="24">
        <v>123360</v>
      </c>
      <c r="DI22" s="25">
        <v>124323</v>
      </c>
      <c r="DJ22" s="25">
        <v>28918</v>
      </c>
      <c r="DK22" s="25">
        <v>28965</v>
      </c>
      <c r="DL22" s="34">
        <f t="shared" si="2"/>
        <v>23.44195849546044</v>
      </c>
      <c r="DM22" s="36">
        <f t="shared" si="3"/>
        <v>23.298182958905432</v>
      </c>
      <c r="DN22" s="24">
        <v>123073</v>
      </c>
      <c r="DO22" s="25">
        <v>124106</v>
      </c>
      <c r="DP22" s="25">
        <v>29039</v>
      </c>
      <c r="DQ22" s="25">
        <v>29087</v>
      </c>
      <c r="DR22" s="34">
        <f t="shared" si="4"/>
        <v>23.59493958869939</v>
      </c>
      <c r="DS22" s="36">
        <f t="shared" si="5"/>
        <v>23.437223019032118</v>
      </c>
    </row>
    <row r="23" spans="1:123" x14ac:dyDescent="0.2">
      <c r="A23" s="76"/>
      <c r="B23" s="174"/>
      <c r="C23" s="122" t="s">
        <v>63</v>
      </c>
      <c r="D23" s="40">
        <v>121171</v>
      </c>
      <c r="E23" s="38">
        <v>15098</v>
      </c>
      <c r="F23" s="39">
        <v>12.5</v>
      </c>
      <c r="G23" s="40">
        <v>123006</v>
      </c>
      <c r="H23" s="38">
        <v>16023</v>
      </c>
      <c r="I23" s="41">
        <v>13</v>
      </c>
      <c r="J23" s="37">
        <v>124041</v>
      </c>
      <c r="K23" s="38">
        <v>16712</v>
      </c>
      <c r="L23" s="39">
        <v>13.5</v>
      </c>
      <c r="M23" s="40">
        <v>125192</v>
      </c>
      <c r="N23" s="38">
        <v>17603</v>
      </c>
      <c r="O23" s="41">
        <v>14.1</v>
      </c>
      <c r="P23" s="37">
        <v>125971</v>
      </c>
      <c r="Q23" s="38">
        <v>18352</v>
      </c>
      <c r="R23" s="39">
        <v>14.6</v>
      </c>
      <c r="S23" s="40">
        <v>126645</v>
      </c>
      <c r="T23" s="38">
        <v>19257</v>
      </c>
      <c r="U23" s="67">
        <v>15.2</v>
      </c>
      <c r="V23" s="37">
        <v>127367</v>
      </c>
      <c r="W23" s="38">
        <v>20129</v>
      </c>
      <c r="X23" s="68">
        <v>15.8</v>
      </c>
      <c r="Y23" s="40">
        <v>127877</v>
      </c>
      <c r="Z23" s="38">
        <v>20959</v>
      </c>
      <c r="AA23" s="67">
        <v>16.399999999999999</v>
      </c>
      <c r="AB23" s="37">
        <v>128689</v>
      </c>
      <c r="AC23" s="38">
        <v>21910</v>
      </c>
      <c r="AD23" s="68">
        <v>17</v>
      </c>
      <c r="AE23" s="40">
        <v>129294</v>
      </c>
      <c r="AF23" s="38">
        <v>22688</v>
      </c>
      <c r="AG23" s="67">
        <v>17.5</v>
      </c>
      <c r="AH23" s="37">
        <v>129857</v>
      </c>
      <c r="AI23" s="38">
        <v>23459</v>
      </c>
      <c r="AJ23" s="68">
        <v>18.100000000000001</v>
      </c>
      <c r="AK23" s="40">
        <v>130615</v>
      </c>
      <c r="AL23" s="38">
        <v>24393</v>
      </c>
      <c r="AM23" s="67">
        <v>18.7</v>
      </c>
      <c r="AN23" s="37">
        <v>130955</v>
      </c>
      <c r="AO23" s="38">
        <v>25530</v>
      </c>
      <c r="AP23" s="68">
        <v>19.5</v>
      </c>
      <c r="AQ23" s="40">
        <v>131244</v>
      </c>
      <c r="AR23" s="38">
        <v>26520</v>
      </c>
      <c r="AS23" s="67">
        <v>20.2</v>
      </c>
      <c r="AT23" s="37">
        <v>131549</v>
      </c>
      <c r="AU23" s="38">
        <v>27607</v>
      </c>
      <c r="AV23" s="68">
        <v>21</v>
      </c>
      <c r="AW23" s="40">
        <v>131738</v>
      </c>
      <c r="AX23" s="38">
        <v>28442</v>
      </c>
      <c r="AY23" s="41">
        <v>21.6</v>
      </c>
      <c r="AZ23" s="37">
        <v>132060</v>
      </c>
      <c r="BA23" s="38">
        <v>29074</v>
      </c>
      <c r="BB23" s="68">
        <v>22</v>
      </c>
      <c r="BC23" s="40">
        <v>132769</v>
      </c>
      <c r="BD23" s="38">
        <v>30038</v>
      </c>
      <c r="BE23" s="41">
        <v>22.6</v>
      </c>
      <c r="BF23" s="37">
        <v>133512</v>
      </c>
      <c r="BG23" s="38">
        <v>134045</v>
      </c>
      <c r="BH23" s="38">
        <v>31401</v>
      </c>
      <c r="BI23" s="38">
        <v>31447</v>
      </c>
      <c r="BJ23" s="69">
        <v>23.5</v>
      </c>
      <c r="BK23" s="39">
        <v>23.5</v>
      </c>
      <c r="BL23" s="40">
        <v>134211</v>
      </c>
      <c r="BM23" s="38">
        <v>134763</v>
      </c>
      <c r="BN23" s="38">
        <v>32551</v>
      </c>
      <c r="BO23" s="38">
        <v>32596</v>
      </c>
      <c r="BP23" s="47">
        <v>24.3</v>
      </c>
      <c r="BQ23" s="67">
        <v>24.2</v>
      </c>
      <c r="BR23" s="37">
        <v>134773</v>
      </c>
      <c r="BS23" s="38">
        <v>135350</v>
      </c>
      <c r="BT23" s="38">
        <v>34191</v>
      </c>
      <c r="BU23" s="38">
        <v>34240</v>
      </c>
      <c r="BV23" s="47">
        <v>25.4</v>
      </c>
      <c r="BW23" s="39">
        <v>25.3</v>
      </c>
      <c r="BX23" s="70">
        <v>135533</v>
      </c>
      <c r="BY23" s="38">
        <v>136161</v>
      </c>
      <c r="BZ23" s="74">
        <v>35624</v>
      </c>
      <c r="CA23" s="38">
        <v>35679</v>
      </c>
      <c r="CB23" s="47">
        <v>26.3</v>
      </c>
      <c r="CC23" s="41">
        <v>26.2</v>
      </c>
      <c r="CD23" s="37">
        <v>136451</v>
      </c>
      <c r="CE23" s="38">
        <v>137116</v>
      </c>
      <c r="CF23" s="38">
        <v>36778</v>
      </c>
      <c r="CG23" s="38">
        <v>36832</v>
      </c>
      <c r="CH23" s="47">
        <v>27</v>
      </c>
      <c r="CI23" s="39">
        <v>26.9</v>
      </c>
      <c r="CJ23" s="40">
        <v>136667</v>
      </c>
      <c r="CK23" s="38">
        <v>137362</v>
      </c>
      <c r="CL23" s="38">
        <v>37702</v>
      </c>
      <c r="CM23" s="38">
        <v>37764</v>
      </c>
      <c r="CN23" s="47">
        <v>27.6</v>
      </c>
      <c r="CO23" s="41">
        <v>27.5</v>
      </c>
      <c r="CP23" s="37">
        <v>136559</v>
      </c>
      <c r="CQ23" s="38">
        <v>137332</v>
      </c>
      <c r="CR23" s="38">
        <v>38621</v>
      </c>
      <c r="CS23" s="38">
        <v>38686</v>
      </c>
      <c r="CT23" s="47">
        <v>28.3</v>
      </c>
      <c r="CU23" s="49">
        <v>28.2</v>
      </c>
      <c r="CV23" s="37">
        <v>136538</v>
      </c>
      <c r="CW23" s="38">
        <v>137381</v>
      </c>
      <c r="CX23" s="38">
        <v>39440</v>
      </c>
      <c r="CY23" s="38">
        <v>39498</v>
      </c>
      <c r="CZ23" s="47">
        <f t="shared" si="0"/>
        <v>28.9</v>
      </c>
      <c r="DA23" s="49">
        <f t="shared" si="1"/>
        <v>28.8</v>
      </c>
      <c r="DB23" s="37">
        <v>136929</v>
      </c>
      <c r="DC23" s="38">
        <v>137731</v>
      </c>
      <c r="DD23" s="38">
        <v>40141</v>
      </c>
      <c r="DE23" s="38">
        <v>40204</v>
      </c>
      <c r="DF23" s="47">
        <v>29.3</v>
      </c>
      <c r="DG23" s="49">
        <v>29.2</v>
      </c>
      <c r="DH23" s="37">
        <v>136882</v>
      </c>
      <c r="DI23" s="38">
        <v>137648</v>
      </c>
      <c r="DJ23" s="38">
        <v>40563</v>
      </c>
      <c r="DK23" s="38">
        <v>40625</v>
      </c>
      <c r="DL23" s="21">
        <f t="shared" si="2"/>
        <v>29.633552987244489</v>
      </c>
      <c r="DM23" s="23">
        <f t="shared" si="3"/>
        <v>29.513687085900269</v>
      </c>
      <c r="DN23" s="37">
        <v>136344</v>
      </c>
      <c r="DO23" s="38">
        <v>137182</v>
      </c>
      <c r="DP23" s="38">
        <v>40843</v>
      </c>
      <c r="DQ23" s="38">
        <v>40907</v>
      </c>
      <c r="DR23" s="21">
        <f t="shared" si="4"/>
        <v>29.955846975297778</v>
      </c>
      <c r="DS23" s="23">
        <f t="shared" si="5"/>
        <v>29.819509848230819</v>
      </c>
    </row>
    <row r="24" spans="1:123" x14ac:dyDescent="0.2">
      <c r="A24" s="76"/>
      <c r="B24" s="179" t="s">
        <v>18</v>
      </c>
      <c r="C24" s="121" t="s">
        <v>61</v>
      </c>
      <c r="D24" s="53">
        <v>191150</v>
      </c>
      <c r="E24" s="51">
        <v>20019</v>
      </c>
      <c r="F24" s="52">
        <v>10.5</v>
      </c>
      <c r="G24" s="53">
        <v>192269</v>
      </c>
      <c r="H24" s="51">
        <v>21119</v>
      </c>
      <c r="I24" s="54">
        <v>11</v>
      </c>
      <c r="J24" s="50">
        <v>193706</v>
      </c>
      <c r="K24" s="51">
        <v>22075</v>
      </c>
      <c r="L24" s="52">
        <v>11.4</v>
      </c>
      <c r="M24" s="53">
        <v>194317</v>
      </c>
      <c r="N24" s="51">
        <v>23345</v>
      </c>
      <c r="O24" s="54">
        <v>12</v>
      </c>
      <c r="P24" s="50">
        <v>194237</v>
      </c>
      <c r="Q24" s="51">
        <v>24380</v>
      </c>
      <c r="R24" s="52">
        <v>12.6</v>
      </c>
      <c r="S24" s="53">
        <v>195618</v>
      </c>
      <c r="T24" s="51">
        <v>25642</v>
      </c>
      <c r="U24" s="58">
        <v>13.1</v>
      </c>
      <c r="V24" s="50">
        <v>197149</v>
      </c>
      <c r="W24" s="51">
        <v>27009</v>
      </c>
      <c r="X24" s="55">
        <v>13.7</v>
      </c>
      <c r="Y24" s="53">
        <v>198376</v>
      </c>
      <c r="Z24" s="51">
        <v>27986</v>
      </c>
      <c r="AA24" s="58">
        <v>14.1</v>
      </c>
      <c r="AB24" s="50">
        <v>199047</v>
      </c>
      <c r="AC24" s="51">
        <v>29204</v>
      </c>
      <c r="AD24" s="55">
        <v>14.7</v>
      </c>
      <c r="AE24" s="53">
        <v>200063</v>
      </c>
      <c r="AF24" s="51">
        <v>30326</v>
      </c>
      <c r="AG24" s="58">
        <v>15.2</v>
      </c>
      <c r="AH24" s="50">
        <v>200579</v>
      </c>
      <c r="AI24" s="51">
        <v>31429</v>
      </c>
      <c r="AJ24" s="55">
        <v>15.7</v>
      </c>
      <c r="AK24" s="53">
        <v>202433</v>
      </c>
      <c r="AL24" s="51">
        <v>32810</v>
      </c>
      <c r="AM24" s="58">
        <v>16.2</v>
      </c>
      <c r="AN24" s="50">
        <v>202795</v>
      </c>
      <c r="AO24" s="51">
        <v>34309</v>
      </c>
      <c r="AP24" s="55">
        <v>16.899999999999999</v>
      </c>
      <c r="AQ24" s="53">
        <v>203257</v>
      </c>
      <c r="AR24" s="51">
        <v>35652</v>
      </c>
      <c r="AS24" s="58">
        <v>17.5</v>
      </c>
      <c r="AT24" s="50">
        <v>203579</v>
      </c>
      <c r="AU24" s="51">
        <v>37067</v>
      </c>
      <c r="AV24" s="55">
        <v>18.2</v>
      </c>
      <c r="AW24" s="53">
        <v>204055</v>
      </c>
      <c r="AX24" s="51">
        <v>38087</v>
      </c>
      <c r="AY24" s="54">
        <v>18.7</v>
      </c>
      <c r="AZ24" s="50">
        <v>204907</v>
      </c>
      <c r="BA24" s="51">
        <v>38980</v>
      </c>
      <c r="BB24" s="55">
        <v>19</v>
      </c>
      <c r="BC24" s="53">
        <v>205910</v>
      </c>
      <c r="BD24" s="51">
        <v>40377</v>
      </c>
      <c r="BE24" s="54">
        <v>19.600000000000001</v>
      </c>
      <c r="BF24" s="50">
        <v>207564</v>
      </c>
      <c r="BG24" s="51">
        <v>208196</v>
      </c>
      <c r="BH24" s="51">
        <v>42577</v>
      </c>
      <c r="BI24" s="51">
        <v>42631</v>
      </c>
      <c r="BJ24" s="56">
        <v>20.5</v>
      </c>
      <c r="BK24" s="52">
        <v>20.5</v>
      </c>
      <c r="BL24" s="53">
        <v>208624</v>
      </c>
      <c r="BM24" s="51">
        <v>209267</v>
      </c>
      <c r="BN24" s="51">
        <v>43921</v>
      </c>
      <c r="BO24" s="51">
        <v>43978</v>
      </c>
      <c r="BP24" s="57">
        <v>21.1</v>
      </c>
      <c r="BQ24" s="58">
        <v>21</v>
      </c>
      <c r="BR24" s="50">
        <v>209324</v>
      </c>
      <c r="BS24" s="51">
        <v>210000</v>
      </c>
      <c r="BT24" s="51">
        <v>45992</v>
      </c>
      <c r="BU24" s="51">
        <v>46049</v>
      </c>
      <c r="BV24" s="57">
        <v>22</v>
      </c>
      <c r="BW24" s="52">
        <v>21.9</v>
      </c>
      <c r="BX24" s="59">
        <v>209774</v>
      </c>
      <c r="BY24" s="51">
        <v>210479</v>
      </c>
      <c r="BZ24" s="72">
        <v>47771</v>
      </c>
      <c r="CA24" s="51">
        <v>47829</v>
      </c>
      <c r="CB24" s="57">
        <v>22.8</v>
      </c>
      <c r="CC24" s="54">
        <v>22.7</v>
      </c>
      <c r="CD24" s="50">
        <v>210612</v>
      </c>
      <c r="CE24" s="51">
        <v>211431</v>
      </c>
      <c r="CF24" s="51">
        <v>49242</v>
      </c>
      <c r="CG24" s="51">
        <v>49308</v>
      </c>
      <c r="CH24" s="57">
        <v>23.4</v>
      </c>
      <c r="CI24" s="52">
        <v>23.3</v>
      </c>
      <c r="CJ24" s="53">
        <v>210840</v>
      </c>
      <c r="CK24" s="51">
        <v>211747</v>
      </c>
      <c r="CL24" s="51">
        <v>50494</v>
      </c>
      <c r="CM24" s="51">
        <v>50559</v>
      </c>
      <c r="CN24" s="57">
        <v>23.9</v>
      </c>
      <c r="CO24" s="54">
        <v>23.9</v>
      </c>
      <c r="CP24" s="50">
        <v>211605</v>
      </c>
      <c r="CQ24" s="51">
        <v>212671</v>
      </c>
      <c r="CR24" s="51">
        <v>51757</v>
      </c>
      <c r="CS24" s="51">
        <v>51822</v>
      </c>
      <c r="CT24" s="57">
        <v>24.5</v>
      </c>
      <c r="CU24" s="61">
        <v>24.4</v>
      </c>
      <c r="CV24" s="50">
        <v>211964</v>
      </c>
      <c r="CW24" s="51">
        <v>213211</v>
      </c>
      <c r="CX24" s="51">
        <v>52586</v>
      </c>
      <c r="CY24" s="51">
        <v>52658</v>
      </c>
      <c r="CZ24" s="21">
        <f t="shared" si="0"/>
        <v>24.8</v>
      </c>
      <c r="DA24" s="23">
        <f t="shared" si="1"/>
        <v>24.7</v>
      </c>
      <c r="DB24" s="50">
        <v>212799</v>
      </c>
      <c r="DC24" s="51">
        <v>214050</v>
      </c>
      <c r="DD24" s="51">
        <v>53350</v>
      </c>
      <c r="DE24" s="51">
        <v>53423</v>
      </c>
      <c r="DF24" s="21">
        <v>25.1</v>
      </c>
      <c r="DG24" s="23">
        <v>25</v>
      </c>
      <c r="DH24" s="50">
        <v>212059</v>
      </c>
      <c r="DI24" s="51">
        <v>213280</v>
      </c>
      <c r="DJ24" s="51">
        <v>53853</v>
      </c>
      <c r="DK24" s="51">
        <v>53929</v>
      </c>
      <c r="DL24" s="57">
        <f t="shared" si="2"/>
        <v>25.395290933183688</v>
      </c>
      <c r="DM24" s="61">
        <f t="shared" si="3"/>
        <v>25.285540135033756</v>
      </c>
      <c r="DN24" s="50">
        <v>211575</v>
      </c>
      <c r="DO24" s="51">
        <v>213006</v>
      </c>
      <c r="DP24" s="51">
        <v>54259</v>
      </c>
      <c r="DQ24" s="51">
        <v>54346</v>
      </c>
      <c r="DR24" s="57">
        <f t="shared" si="4"/>
        <v>25.645279451731064</v>
      </c>
      <c r="DS24" s="61">
        <f t="shared" si="5"/>
        <v>25.513835291024666</v>
      </c>
    </row>
    <row r="25" spans="1:123" x14ac:dyDescent="0.2">
      <c r="A25" s="76"/>
      <c r="B25" s="172"/>
      <c r="C25" s="123" t="s">
        <v>62</v>
      </c>
      <c r="D25" s="27">
        <v>92841</v>
      </c>
      <c r="E25" s="25">
        <v>8599</v>
      </c>
      <c r="F25" s="26">
        <v>9.3000000000000007</v>
      </c>
      <c r="G25" s="27">
        <v>93392</v>
      </c>
      <c r="H25" s="25">
        <v>9086</v>
      </c>
      <c r="I25" s="28">
        <v>9.6999999999999993</v>
      </c>
      <c r="J25" s="24">
        <v>94199</v>
      </c>
      <c r="K25" s="25">
        <v>9535</v>
      </c>
      <c r="L25" s="26">
        <v>10.1</v>
      </c>
      <c r="M25" s="27">
        <v>94426</v>
      </c>
      <c r="N25" s="25">
        <v>10057</v>
      </c>
      <c r="O25" s="28">
        <v>10.7</v>
      </c>
      <c r="P25" s="24">
        <v>94228</v>
      </c>
      <c r="Q25" s="25">
        <v>10477</v>
      </c>
      <c r="R25" s="26">
        <v>11.1</v>
      </c>
      <c r="S25" s="27">
        <v>94825</v>
      </c>
      <c r="T25" s="25">
        <v>10952</v>
      </c>
      <c r="U25" s="62">
        <v>11.5</v>
      </c>
      <c r="V25" s="24">
        <v>95387</v>
      </c>
      <c r="W25" s="25">
        <v>11571</v>
      </c>
      <c r="X25" s="63">
        <v>12.1</v>
      </c>
      <c r="Y25" s="27">
        <v>95985</v>
      </c>
      <c r="Z25" s="25">
        <v>11932</v>
      </c>
      <c r="AA25" s="62">
        <v>12.4</v>
      </c>
      <c r="AB25" s="24">
        <v>96208</v>
      </c>
      <c r="AC25" s="25">
        <v>12427</v>
      </c>
      <c r="AD25" s="63">
        <v>12.9</v>
      </c>
      <c r="AE25" s="27">
        <v>96673</v>
      </c>
      <c r="AF25" s="25">
        <v>12836</v>
      </c>
      <c r="AG25" s="62">
        <v>13.3</v>
      </c>
      <c r="AH25" s="24">
        <v>96738</v>
      </c>
      <c r="AI25" s="25">
        <v>13256</v>
      </c>
      <c r="AJ25" s="63">
        <v>13.7</v>
      </c>
      <c r="AK25" s="27">
        <v>97595</v>
      </c>
      <c r="AL25" s="25">
        <v>13788</v>
      </c>
      <c r="AM25" s="62">
        <v>14.1</v>
      </c>
      <c r="AN25" s="24">
        <v>97617</v>
      </c>
      <c r="AO25" s="25">
        <v>14392</v>
      </c>
      <c r="AP25" s="63">
        <v>14.7</v>
      </c>
      <c r="AQ25" s="27">
        <v>97504</v>
      </c>
      <c r="AR25" s="25">
        <v>14814</v>
      </c>
      <c r="AS25" s="62">
        <v>15.2</v>
      </c>
      <c r="AT25" s="24">
        <v>97412</v>
      </c>
      <c r="AU25" s="25">
        <v>15426</v>
      </c>
      <c r="AV25" s="63">
        <v>15.8</v>
      </c>
      <c r="AW25" s="27">
        <v>97633</v>
      </c>
      <c r="AX25" s="25">
        <v>15754</v>
      </c>
      <c r="AY25" s="28">
        <v>16.100000000000001</v>
      </c>
      <c r="AZ25" s="24">
        <v>97950</v>
      </c>
      <c r="BA25" s="25">
        <v>16066</v>
      </c>
      <c r="BB25" s="63">
        <v>16.399999999999999</v>
      </c>
      <c r="BC25" s="27">
        <v>98277</v>
      </c>
      <c r="BD25" s="25">
        <v>16664</v>
      </c>
      <c r="BE25" s="28">
        <v>17</v>
      </c>
      <c r="BF25" s="24">
        <v>98968</v>
      </c>
      <c r="BG25" s="25">
        <v>99296</v>
      </c>
      <c r="BH25" s="25">
        <v>17660</v>
      </c>
      <c r="BI25" s="25">
        <v>17686</v>
      </c>
      <c r="BJ25" s="64">
        <v>17.8</v>
      </c>
      <c r="BK25" s="26">
        <v>17.8</v>
      </c>
      <c r="BL25" s="27">
        <v>99594</v>
      </c>
      <c r="BM25" s="25">
        <v>99918</v>
      </c>
      <c r="BN25" s="25">
        <v>18287</v>
      </c>
      <c r="BO25" s="25">
        <v>18313</v>
      </c>
      <c r="BP25" s="34">
        <v>18.399999999999999</v>
      </c>
      <c r="BQ25" s="62">
        <v>18.3</v>
      </c>
      <c r="BR25" s="24">
        <v>99898</v>
      </c>
      <c r="BS25" s="25">
        <v>100245</v>
      </c>
      <c r="BT25" s="25">
        <v>19086</v>
      </c>
      <c r="BU25" s="25">
        <v>19114</v>
      </c>
      <c r="BV25" s="34">
        <v>19.100000000000001</v>
      </c>
      <c r="BW25" s="26">
        <v>19.100000000000001</v>
      </c>
      <c r="BX25" s="65">
        <v>100020</v>
      </c>
      <c r="BY25" s="25">
        <v>100392</v>
      </c>
      <c r="BZ25" s="73">
        <v>19841</v>
      </c>
      <c r="CA25" s="25">
        <v>19870</v>
      </c>
      <c r="CB25" s="34">
        <v>19.8</v>
      </c>
      <c r="CC25" s="28">
        <v>19.8</v>
      </c>
      <c r="CD25" s="24">
        <v>100445</v>
      </c>
      <c r="CE25" s="25">
        <v>100860</v>
      </c>
      <c r="CF25" s="25">
        <v>20463</v>
      </c>
      <c r="CG25" s="25">
        <v>20496</v>
      </c>
      <c r="CH25" s="34">
        <v>20.399999999999999</v>
      </c>
      <c r="CI25" s="26">
        <v>20.3</v>
      </c>
      <c r="CJ25" s="27">
        <v>100391</v>
      </c>
      <c r="CK25" s="25">
        <v>100850</v>
      </c>
      <c r="CL25" s="25">
        <v>20995</v>
      </c>
      <c r="CM25" s="25">
        <v>21029</v>
      </c>
      <c r="CN25" s="34">
        <v>20.9</v>
      </c>
      <c r="CO25" s="28">
        <v>20.9</v>
      </c>
      <c r="CP25" s="24">
        <v>100579</v>
      </c>
      <c r="CQ25" s="25">
        <v>101125</v>
      </c>
      <c r="CR25" s="25">
        <v>21481</v>
      </c>
      <c r="CS25" s="25">
        <v>21512</v>
      </c>
      <c r="CT25" s="34">
        <v>21.4</v>
      </c>
      <c r="CU25" s="36">
        <v>21.3</v>
      </c>
      <c r="CV25" s="24">
        <v>100572</v>
      </c>
      <c r="CW25" s="25">
        <v>101211</v>
      </c>
      <c r="CX25" s="25">
        <v>21802</v>
      </c>
      <c r="CY25" s="25">
        <v>21839</v>
      </c>
      <c r="CZ25" s="34">
        <f t="shared" si="0"/>
        <v>21.7</v>
      </c>
      <c r="DA25" s="36">
        <f t="shared" si="1"/>
        <v>21.6</v>
      </c>
      <c r="DB25" s="24">
        <v>101060</v>
      </c>
      <c r="DC25" s="25">
        <v>101728</v>
      </c>
      <c r="DD25" s="25">
        <v>22150</v>
      </c>
      <c r="DE25" s="25">
        <v>22187</v>
      </c>
      <c r="DF25" s="34">
        <v>21.9</v>
      </c>
      <c r="DG25" s="36">
        <v>21.8</v>
      </c>
      <c r="DH25" s="24">
        <v>100684</v>
      </c>
      <c r="DI25" s="25">
        <v>101350</v>
      </c>
      <c r="DJ25" s="25">
        <v>22331</v>
      </c>
      <c r="DK25" s="25">
        <v>22369</v>
      </c>
      <c r="DL25" s="34">
        <f t="shared" si="2"/>
        <v>22.179293631560128</v>
      </c>
      <c r="DM25" s="36">
        <f t="shared" si="3"/>
        <v>22.07104094721263</v>
      </c>
      <c r="DN25" s="24">
        <v>100378</v>
      </c>
      <c r="DO25" s="25">
        <v>101159</v>
      </c>
      <c r="DP25" s="25">
        <v>22458</v>
      </c>
      <c r="DQ25" s="25">
        <v>22505</v>
      </c>
      <c r="DR25" s="34">
        <f t="shared" si="4"/>
        <v>22.37342844049493</v>
      </c>
      <c r="DS25" s="36">
        <f t="shared" si="5"/>
        <v>22.24715546812444</v>
      </c>
    </row>
    <row r="26" spans="1:123" x14ac:dyDescent="0.2">
      <c r="A26" s="76"/>
      <c r="B26" s="174"/>
      <c r="C26" s="122" t="s">
        <v>63</v>
      </c>
      <c r="D26" s="40">
        <v>98309</v>
      </c>
      <c r="E26" s="38">
        <v>11420</v>
      </c>
      <c r="F26" s="39">
        <v>11.6</v>
      </c>
      <c r="G26" s="40">
        <v>98877</v>
      </c>
      <c r="H26" s="38">
        <v>12033</v>
      </c>
      <c r="I26" s="41">
        <v>12.2</v>
      </c>
      <c r="J26" s="37">
        <v>99507</v>
      </c>
      <c r="K26" s="38">
        <v>12540</v>
      </c>
      <c r="L26" s="39">
        <v>12.6</v>
      </c>
      <c r="M26" s="40">
        <v>99891</v>
      </c>
      <c r="N26" s="38">
        <v>13288</v>
      </c>
      <c r="O26" s="41">
        <v>13.3</v>
      </c>
      <c r="P26" s="37">
        <v>100009</v>
      </c>
      <c r="Q26" s="38">
        <v>13903</v>
      </c>
      <c r="R26" s="39">
        <v>13.9</v>
      </c>
      <c r="S26" s="40">
        <v>100793</v>
      </c>
      <c r="T26" s="38">
        <v>14690</v>
      </c>
      <c r="U26" s="67">
        <v>14.6</v>
      </c>
      <c r="V26" s="37">
        <v>101762</v>
      </c>
      <c r="W26" s="38">
        <v>15438</v>
      </c>
      <c r="X26" s="68">
        <v>15.2</v>
      </c>
      <c r="Y26" s="40">
        <v>102391</v>
      </c>
      <c r="Z26" s="38">
        <v>16054</v>
      </c>
      <c r="AA26" s="67">
        <v>15.7</v>
      </c>
      <c r="AB26" s="37">
        <v>102839</v>
      </c>
      <c r="AC26" s="38">
        <v>16777</v>
      </c>
      <c r="AD26" s="68">
        <v>16.3</v>
      </c>
      <c r="AE26" s="40">
        <v>103390</v>
      </c>
      <c r="AF26" s="38">
        <v>17490</v>
      </c>
      <c r="AG26" s="67">
        <v>16.899999999999999</v>
      </c>
      <c r="AH26" s="37">
        <v>103841</v>
      </c>
      <c r="AI26" s="38">
        <v>18173</v>
      </c>
      <c r="AJ26" s="68">
        <v>17.5</v>
      </c>
      <c r="AK26" s="40">
        <v>104838</v>
      </c>
      <c r="AL26" s="38">
        <v>19022</v>
      </c>
      <c r="AM26" s="67">
        <v>18.100000000000001</v>
      </c>
      <c r="AN26" s="37">
        <v>105178</v>
      </c>
      <c r="AO26" s="38">
        <v>19917</v>
      </c>
      <c r="AP26" s="68">
        <v>18.899999999999999</v>
      </c>
      <c r="AQ26" s="40">
        <v>105753</v>
      </c>
      <c r="AR26" s="38">
        <v>20838</v>
      </c>
      <c r="AS26" s="67">
        <v>19.7</v>
      </c>
      <c r="AT26" s="37">
        <v>106167</v>
      </c>
      <c r="AU26" s="38">
        <v>21641</v>
      </c>
      <c r="AV26" s="68">
        <v>20.399999999999999</v>
      </c>
      <c r="AW26" s="40">
        <v>106422</v>
      </c>
      <c r="AX26" s="38">
        <v>22333</v>
      </c>
      <c r="AY26" s="41">
        <v>21</v>
      </c>
      <c r="AZ26" s="37">
        <v>106957</v>
      </c>
      <c r="BA26" s="38">
        <v>22914</v>
      </c>
      <c r="BB26" s="68">
        <v>21.4</v>
      </c>
      <c r="BC26" s="40">
        <v>107633</v>
      </c>
      <c r="BD26" s="38">
        <v>23713</v>
      </c>
      <c r="BE26" s="41">
        <v>22</v>
      </c>
      <c r="BF26" s="37">
        <v>108596</v>
      </c>
      <c r="BG26" s="38">
        <v>108900</v>
      </c>
      <c r="BH26" s="38">
        <v>24917</v>
      </c>
      <c r="BI26" s="38">
        <v>24945</v>
      </c>
      <c r="BJ26" s="69">
        <v>22.9</v>
      </c>
      <c r="BK26" s="39">
        <v>22.9</v>
      </c>
      <c r="BL26" s="40">
        <v>109030</v>
      </c>
      <c r="BM26" s="38">
        <v>109349</v>
      </c>
      <c r="BN26" s="38">
        <v>25634</v>
      </c>
      <c r="BO26" s="38">
        <v>25665</v>
      </c>
      <c r="BP26" s="47">
        <v>23.5</v>
      </c>
      <c r="BQ26" s="67">
        <v>23.5</v>
      </c>
      <c r="BR26" s="37">
        <v>109426</v>
      </c>
      <c r="BS26" s="38">
        <v>109755</v>
      </c>
      <c r="BT26" s="38">
        <v>26906</v>
      </c>
      <c r="BU26" s="38">
        <v>26935</v>
      </c>
      <c r="BV26" s="47">
        <v>24.6</v>
      </c>
      <c r="BW26" s="39">
        <v>24.5</v>
      </c>
      <c r="BX26" s="70">
        <v>109754</v>
      </c>
      <c r="BY26" s="38">
        <v>110087</v>
      </c>
      <c r="BZ26" s="74">
        <v>27930</v>
      </c>
      <c r="CA26" s="38">
        <v>27959</v>
      </c>
      <c r="CB26" s="47">
        <v>25.4</v>
      </c>
      <c r="CC26" s="41">
        <v>25.4</v>
      </c>
      <c r="CD26" s="37">
        <v>110167</v>
      </c>
      <c r="CE26" s="38">
        <v>110571</v>
      </c>
      <c r="CF26" s="38">
        <v>28779</v>
      </c>
      <c r="CG26" s="38">
        <v>28812</v>
      </c>
      <c r="CH26" s="47">
        <v>26.1</v>
      </c>
      <c r="CI26" s="39">
        <v>26.1</v>
      </c>
      <c r="CJ26" s="40">
        <v>110449</v>
      </c>
      <c r="CK26" s="38">
        <v>110897</v>
      </c>
      <c r="CL26" s="38">
        <v>29499</v>
      </c>
      <c r="CM26" s="38">
        <v>29530</v>
      </c>
      <c r="CN26" s="47">
        <v>26.7</v>
      </c>
      <c r="CO26" s="41">
        <v>26.6</v>
      </c>
      <c r="CP26" s="37">
        <v>111026</v>
      </c>
      <c r="CQ26" s="38">
        <v>111546</v>
      </c>
      <c r="CR26" s="38">
        <v>30276</v>
      </c>
      <c r="CS26" s="38">
        <v>30310</v>
      </c>
      <c r="CT26" s="47">
        <v>27.3</v>
      </c>
      <c r="CU26" s="49">
        <v>27.2</v>
      </c>
      <c r="CV26" s="37">
        <v>111392</v>
      </c>
      <c r="CW26" s="38">
        <v>112000</v>
      </c>
      <c r="CX26" s="38">
        <v>30784</v>
      </c>
      <c r="CY26" s="38">
        <v>30819</v>
      </c>
      <c r="CZ26" s="47">
        <f t="shared" si="0"/>
        <v>27.6</v>
      </c>
      <c r="DA26" s="49">
        <f t="shared" si="1"/>
        <v>27.5</v>
      </c>
      <c r="DB26" s="37">
        <v>111739</v>
      </c>
      <c r="DC26" s="38">
        <v>112322</v>
      </c>
      <c r="DD26" s="38">
        <v>31200</v>
      </c>
      <c r="DE26" s="38">
        <v>31236</v>
      </c>
      <c r="DF26" s="47">
        <v>27.9</v>
      </c>
      <c r="DG26" s="49">
        <v>27.8</v>
      </c>
      <c r="DH26" s="37">
        <v>111375</v>
      </c>
      <c r="DI26" s="38">
        <v>111930</v>
      </c>
      <c r="DJ26" s="38">
        <v>31522</v>
      </c>
      <c r="DK26" s="38">
        <v>31560</v>
      </c>
      <c r="DL26" s="21">
        <f t="shared" si="2"/>
        <v>28.302581369248038</v>
      </c>
      <c r="DM26" s="23">
        <f t="shared" si="3"/>
        <v>28.196194049852586</v>
      </c>
      <c r="DN26" s="37">
        <v>111197</v>
      </c>
      <c r="DO26" s="38">
        <v>111847</v>
      </c>
      <c r="DP26" s="38">
        <v>31801</v>
      </c>
      <c r="DQ26" s="38">
        <v>31841</v>
      </c>
      <c r="DR26" s="21">
        <f t="shared" si="4"/>
        <v>28.598793132908263</v>
      </c>
      <c r="DS26" s="23">
        <f t="shared" si="5"/>
        <v>28.468354090856256</v>
      </c>
    </row>
    <row r="27" spans="1:123" x14ac:dyDescent="0.2">
      <c r="A27" s="76"/>
      <c r="B27" s="179" t="s">
        <v>19</v>
      </c>
      <c r="C27" s="121" t="s">
        <v>61</v>
      </c>
      <c r="D27" s="53">
        <v>291943</v>
      </c>
      <c r="E27" s="51">
        <v>30912</v>
      </c>
      <c r="F27" s="52">
        <v>10.6</v>
      </c>
      <c r="G27" s="53">
        <v>295414</v>
      </c>
      <c r="H27" s="51">
        <v>33016</v>
      </c>
      <c r="I27" s="54">
        <v>11.2</v>
      </c>
      <c r="J27" s="50">
        <v>299155</v>
      </c>
      <c r="K27" s="51">
        <v>34936</v>
      </c>
      <c r="L27" s="52">
        <v>11.7</v>
      </c>
      <c r="M27" s="53">
        <v>198121</v>
      </c>
      <c r="N27" s="51">
        <v>25797</v>
      </c>
      <c r="O27" s="54">
        <v>13</v>
      </c>
      <c r="P27" s="50">
        <v>199962</v>
      </c>
      <c r="Q27" s="51">
        <v>27022</v>
      </c>
      <c r="R27" s="52">
        <v>13.5</v>
      </c>
      <c r="S27" s="53">
        <v>201282</v>
      </c>
      <c r="T27" s="51">
        <v>28417</v>
      </c>
      <c r="U27" s="58">
        <v>14.1</v>
      </c>
      <c r="V27" s="50">
        <v>201672</v>
      </c>
      <c r="W27" s="51">
        <v>29833</v>
      </c>
      <c r="X27" s="55">
        <v>14.8</v>
      </c>
      <c r="Y27" s="53">
        <v>202691</v>
      </c>
      <c r="Z27" s="51">
        <v>31149</v>
      </c>
      <c r="AA27" s="58">
        <v>15.4</v>
      </c>
      <c r="AB27" s="50">
        <v>204770</v>
      </c>
      <c r="AC27" s="51">
        <v>32497</v>
      </c>
      <c r="AD27" s="55">
        <v>15.9</v>
      </c>
      <c r="AE27" s="53">
        <v>206107</v>
      </c>
      <c r="AF27" s="51">
        <v>33748</v>
      </c>
      <c r="AG27" s="58">
        <v>16.399999999999999</v>
      </c>
      <c r="AH27" s="50">
        <v>206772</v>
      </c>
      <c r="AI27" s="51">
        <v>34934</v>
      </c>
      <c r="AJ27" s="55">
        <v>16.899999999999999</v>
      </c>
      <c r="AK27" s="53">
        <v>207716</v>
      </c>
      <c r="AL27" s="51">
        <v>36310</v>
      </c>
      <c r="AM27" s="58">
        <v>17.5</v>
      </c>
      <c r="AN27" s="50">
        <v>207365</v>
      </c>
      <c r="AO27" s="51">
        <v>37934</v>
      </c>
      <c r="AP27" s="55">
        <v>18.3</v>
      </c>
      <c r="AQ27" s="53">
        <v>207826</v>
      </c>
      <c r="AR27" s="51">
        <v>39166</v>
      </c>
      <c r="AS27" s="58">
        <v>18.8</v>
      </c>
      <c r="AT27" s="50">
        <v>208476</v>
      </c>
      <c r="AU27" s="51">
        <v>40597</v>
      </c>
      <c r="AV27" s="55">
        <v>19.5</v>
      </c>
      <c r="AW27" s="53">
        <v>209931</v>
      </c>
      <c r="AX27" s="51">
        <v>41878</v>
      </c>
      <c r="AY27" s="54">
        <v>19.899999999999999</v>
      </c>
      <c r="AZ27" s="50">
        <v>211164</v>
      </c>
      <c r="BA27" s="51">
        <v>42782</v>
      </c>
      <c r="BB27" s="55">
        <v>20.3</v>
      </c>
      <c r="BC27" s="53">
        <v>213084</v>
      </c>
      <c r="BD27" s="51">
        <v>44272</v>
      </c>
      <c r="BE27" s="54">
        <v>20.8</v>
      </c>
      <c r="BF27" s="50">
        <v>214448</v>
      </c>
      <c r="BG27" s="51">
        <v>215570</v>
      </c>
      <c r="BH27" s="51">
        <v>46034</v>
      </c>
      <c r="BI27" s="51">
        <v>46118</v>
      </c>
      <c r="BJ27" s="56">
        <v>21.5</v>
      </c>
      <c r="BK27" s="52">
        <v>21.4</v>
      </c>
      <c r="BL27" s="53">
        <v>216009</v>
      </c>
      <c r="BM27" s="51">
        <v>217134</v>
      </c>
      <c r="BN27" s="51">
        <v>47357</v>
      </c>
      <c r="BO27" s="51">
        <v>47448</v>
      </c>
      <c r="BP27" s="57">
        <v>21.9</v>
      </c>
      <c r="BQ27" s="58">
        <v>21.9</v>
      </c>
      <c r="BR27" s="50">
        <v>216931</v>
      </c>
      <c r="BS27" s="51">
        <v>218120</v>
      </c>
      <c r="BT27" s="51">
        <v>49476</v>
      </c>
      <c r="BU27" s="51">
        <v>49576</v>
      </c>
      <c r="BV27" s="57">
        <v>22.8</v>
      </c>
      <c r="BW27" s="52">
        <v>22.7</v>
      </c>
      <c r="BX27" s="59">
        <v>217810</v>
      </c>
      <c r="BY27" s="51">
        <v>219071</v>
      </c>
      <c r="BZ27" s="72">
        <v>51208</v>
      </c>
      <c r="CA27" s="51">
        <v>51305</v>
      </c>
      <c r="CB27" s="57">
        <v>23.5</v>
      </c>
      <c r="CC27" s="54">
        <v>23.4</v>
      </c>
      <c r="CD27" s="50">
        <v>218426</v>
      </c>
      <c r="CE27" s="51">
        <v>219756</v>
      </c>
      <c r="CF27" s="51">
        <v>52595</v>
      </c>
      <c r="CG27" s="51">
        <v>52701</v>
      </c>
      <c r="CH27" s="57">
        <v>24.1</v>
      </c>
      <c r="CI27" s="52">
        <v>24</v>
      </c>
      <c r="CJ27" s="53">
        <v>220014</v>
      </c>
      <c r="CK27" s="51">
        <v>221466</v>
      </c>
      <c r="CL27" s="51">
        <v>53988</v>
      </c>
      <c r="CM27" s="51">
        <v>54093</v>
      </c>
      <c r="CN27" s="57">
        <v>24.5</v>
      </c>
      <c r="CO27" s="54">
        <v>24.4</v>
      </c>
      <c r="CP27" s="50">
        <v>220971</v>
      </c>
      <c r="CQ27" s="51">
        <v>222504</v>
      </c>
      <c r="CR27" s="51">
        <v>55090</v>
      </c>
      <c r="CS27" s="51">
        <v>55199</v>
      </c>
      <c r="CT27" s="57">
        <v>24.9</v>
      </c>
      <c r="CU27" s="61">
        <v>24.8</v>
      </c>
      <c r="CV27" s="50">
        <v>221862</v>
      </c>
      <c r="CW27" s="51">
        <v>223562</v>
      </c>
      <c r="CX27" s="51">
        <v>56095</v>
      </c>
      <c r="CY27" s="51">
        <v>56206</v>
      </c>
      <c r="CZ27" s="21">
        <f t="shared" si="0"/>
        <v>25.3</v>
      </c>
      <c r="DA27" s="23">
        <f t="shared" si="1"/>
        <v>25.1</v>
      </c>
      <c r="DB27" s="50">
        <v>222923</v>
      </c>
      <c r="DC27" s="51">
        <v>224435</v>
      </c>
      <c r="DD27" s="51">
        <v>56947</v>
      </c>
      <c r="DE27" s="51">
        <v>57060</v>
      </c>
      <c r="DF27" s="21">
        <v>25.5</v>
      </c>
      <c r="DG27" s="23">
        <v>25.4</v>
      </c>
      <c r="DH27" s="50">
        <v>223617</v>
      </c>
      <c r="DI27" s="51">
        <v>225082</v>
      </c>
      <c r="DJ27" s="51">
        <v>57511</v>
      </c>
      <c r="DK27" s="51">
        <v>57637</v>
      </c>
      <c r="DL27" s="57">
        <f t="shared" si="2"/>
        <v>25.718527661134889</v>
      </c>
      <c r="DM27" s="61">
        <f t="shared" si="3"/>
        <v>25.607112074710546</v>
      </c>
      <c r="DN27" s="50">
        <v>223512</v>
      </c>
      <c r="DO27" s="51">
        <v>225221</v>
      </c>
      <c r="DP27" s="51">
        <v>57872</v>
      </c>
      <c r="DQ27" s="51">
        <v>58009</v>
      </c>
      <c r="DR27" s="57">
        <f t="shared" si="4"/>
        <v>25.892122123196966</v>
      </c>
      <c r="DS27" s="61">
        <f t="shared" si="5"/>
        <v>25.756479191549637</v>
      </c>
    </row>
    <row r="28" spans="1:123" x14ac:dyDescent="0.2">
      <c r="A28" s="76"/>
      <c r="B28" s="172"/>
      <c r="C28" s="123" t="s">
        <v>62</v>
      </c>
      <c r="D28" s="27">
        <v>141123</v>
      </c>
      <c r="E28" s="25">
        <v>13121</v>
      </c>
      <c r="F28" s="26">
        <v>9.3000000000000007</v>
      </c>
      <c r="G28" s="27">
        <v>142412</v>
      </c>
      <c r="H28" s="25">
        <v>14088</v>
      </c>
      <c r="I28" s="28">
        <v>9.9</v>
      </c>
      <c r="J28" s="24">
        <v>144016</v>
      </c>
      <c r="K28" s="25">
        <v>14933</v>
      </c>
      <c r="L28" s="26">
        <v>10.4</v>
      </c>
      <c r="M28" s="27">
        <v>94685</v>
      </c>
      <c r="N28" s="25">
        <v>10868</v>
      </c>
      <c r="O28" s="28">
        <v>11.5</v>
      </c>
      <c r="P28" s="24">
        <v>95566</v>
      </c>
      <c r="Q28" s="25">
        <v>11377</v>
      </c>
      <c r="R28" s="26">
        <v>11.9</v>
      </c>
      <c r="S28" s="27">
        <v>95949</v>
      </c>
      <c r="T28" s="25">
        <v>11931</v>
      </c>
      <c r="U28" s="62">
        <v>12.4</v>
      </c>
      <c r="V28" s="24">
        <v>95808</v>
      </c>
      <c r="W28" s="25">
        <v>12454</v>
      </c>
      <c r="X28" s="63">
        <v>13</v>
      </c>
      <c r="Y28" s="27">
        <v>96216</v>
      </c>
      <c r="Z28" s="25">
        <v>12965</v>
      </c>
      <c r="AA28" s="62">
        <v>13.5</v>
      </c>
      <c r="AB28" s="24">
        <v>96992</v>
      </c>
      <c r="AC28" s="25">
        <v>13479</v>
      </c>
      <c r="AD28" s="63">
        <v>13.9</v>
      </c>
      <c r="AE28" s="27">
        <v>97549</v>
      </c>
      <c r="AF28" s="25">
        <v>13950</v>
      </c>
      <c r="AG28" s="62">
        <v>14.3</v>
      </c>
      <c r="AH28" s="24">
        <v>97710</v>
      </c>
      <c r="AI28" s="25">
        <v>14428</v>
      </c>
      <c r="AJ28" s="63">
        <v>14.8</v>
      </c>
      <c r="AK28" s="27">
        <v>97968</v>
      </c>
      <c r="AL28" s="25">
        <v>14927</v>
      </c>
      <c r="AM28" s="62">
        <v>15.2</v>
      </c>
      <c r="AN28" s="24">
        <v>97362</v>
      </c>
      <c r="AO28" s="25">
        <v>15578</v>
      </c>
      <c r="AP28" s="63">
        <v>16</v>
      </c>
      <c r="AQ28" s="27">
        <v>97298</v>
      </c>
      <c r="AR28" s="25">
        <v>16069</v>
      </c>
      <c r="AS28" s="62">
        <v>16.5</v>
      </c>
      <c r="AT28" s="24">
        <v>97438</v>
      </c>
      <c r="AU28" s="25">
        <v>16628</v>
      </c>
      <c r="AV28" s="63">
        <v>17.100000000000001</v>
      </c>
      <c r="AW28" s="27">
        <v>98107</v>
      </c>
      <c r="AX28" s="25">
        <v>17142</v>
      </c>
      <c r="AY28" s="28">
        <v>17.5</v>
      </c>
      <c r="AZ28" s="24">
        <v>98605</v>
      </c>
      <c r="BA28" s="25">
        <v>17395</v>
      </c>
      <c r="BB28" s="63">
        <v>17.600000000000001</v>
      </c>
      <c r="BC28" s="27">
        <v>99438</v>
      </c>
      <c r="BD28" s="25">
        <v>18053</v>
      </c>
      <c r="BE28" s="28">
        <v>18.2</v>
      </c>
      <c r="BF28" s="24">
        <v>99957</v>
      </c>
      <c r="BG28" s="25">
        <v>100473</v>
      </c>
      <c r="BH28" s="25">
        <v>18818</v>
      </c>
      <c r="BI28" s="25">
        <v>18857</v>
      </c>
      <c r="BJ28" s="64">
        <v>18.8</v>
      </c>
      <c r="BK28" s="26">
        <v>18.8</v>
      </c>
      <c r="BL28" s="27">
        <v>100723</v>
      </c>
      <c r="BM28" s="25">
        <v>101234</v>
      </c>
      <c r="BN28" s="25">
        <v>19351</v>
      </c>
      <c r="BO28" s="25">
        <v>19393</v>
      </c>
      <c r="BP28" s="34">
        <v>19.2</v>
      </c>
      <c r="BQ28" s="62">
        <v>19.2</v>
      </c>
      <c r="BR28" s="24">
        <v>101034</v>
      </c>
      <c r="BS28" s="25">
        <v>101568</v>
      </c>
      <c r="BT28" s="25">
        <v>20198</v>
      </c>
      <c r="BU28" s="25">
        <v>20243</v>
      </c>
      <c r="BV28" s="34">
        <v>20</v>
      </c>
      <c r="BW28" s="26">
        <v>19.899999999999999</v>
      </c>
      <c r="BX28" s="65">
        <v>101330</v>
      </c>
      <c r="BY28" s="25">
        <v>101876</v>
      </c>
      <c r="BZ28" s="73">
        <v>20939</v>
      </c>
      <c r="CA28" s="25">
        <v>20979</v>
      </c>
      <c r="CB28" s="34">
        <v>20.7</v>
      </c>
      <c r="CC28" s="28">
        <v>20.6</v>
      </c>
      <c r="CD28" s="24">
        <v>101342</v>
      </c>
      <c r="CE28" s="25">
        <v>101951</v>
      </c>
      <c r="CF28" s="25">
        <v>21472</v>
      </c>
      <c r="CG28" s="25">
        <v>21515</v>
      </c>
      <c r="CH28" s="34">
        <v>21.2</v>
      </c>
      <c r="CI28" s="26">
        <v>21.1</v>
      </c>
      <c r="CJ28" s="27">
        <v>101928</v>
      </c>
      <c r="CK28" s="25">
        <v>102588</v>
      </c>
      <c r="CL28" s="25">
        <v>21994</v>
      </c>
      <c r="CM28" s="25">
        <v>22035</v>
      </c>
      <c r="CN28" s="34">
        <v>21.6</v>
      </c>
      <c r="CO28" s="28">
        <v>21.5</v>
      </c>
      <c r="CP28" s="24">
        <v>102321</v>
      </c>
      <c r="CQ28" s="25">
        <v>103048</v>
      </c>
      <c r="CR28" s="25">
        <v>22373</v>
      </c>
      <c r="CS28" s="25">
        <v>22417</v>
      </c>
      <c r="CT28" s="34">
        <v>21.9</v>
      </c>
      <c r="CU28" s="36">
        <v>21.8</v>
      </c>
      <c r="CV28" s="24">
        <v>102582</v>
      </c>
      <c r="CW28" s="25">
        <v>103383</v>
      </c>
      <c r="CX28" s="25">
        <v>22775</v>
      </c>
      <c r="CY28" s="25">
        <v>22824</v>
      </c>
      <c r="CZ28" s="34">
        <f t="shared" si="0"/>
        <v>22.2</v>
      </c>
      <c r="DA28" s="36">
        <f t="shared" si="1"/>
        <v>22.1</v>
      </c>
      <c r="DB28" s="24">
        <v>103101</v>
      </c>
      <c r="DC28" s="25">
        <v>103844</v>
      </c>
      <c r="DD28" s="25">
        <v>23173</v>
      </c>
      <c r="DE28" s="25">
        <v>23222</v>
      </c>
      <c r="DF28" s="34">
        <v>22.5</v>
      </c>
      <c r="DG28" s="36">
        <v>22.4</v>
      </c>
      <c r="DH28" s="24">
        <v>103408</v>
      </c>
      <c r="DI28" s="25">
        <v>104101</v>
      </c>
      <c r="DJ28" s="25">
        <v>23328</v>
      </c>
      <c r="DK28" s="25">
        <v>23381</v>
      </c>
      <c r="DL28" s="34">
        <f t="shared" si="2"/>
        <v>22.559183041930993</v>
      </c>
      <c r="DM28" s="36">
        <f t="shared" si="3"/>
        <v>22.45991873276914</v>
      </c>
      <c r="DN28" s="24">
        <v>103381</v>
      </c>
      <c r="DO28" s="25">
        <v>104192</v>
      </c>
      <c r="DP28" s="25">
        <v>23421</v>
      </c>
      <c r="DQ28" s="25">
        <v>23478</v>
      </c>
      <c r="DR28" s="34">
        <f t="shared" si="4"/>
        <v>22.655033323337946</v>
      </c>
      <c r="DS28" s="36">
        <f t="shared" si="5"/>
        <v>22.533399877149876</v>
      </c>
    </row>
    <row r="29" spans="1:123" x14ac:dyDescent="0.2">
      <c r="A29" s="76"/>
      <c r="B29" s="174"/>
      <c r="C29" s="122" t="s">
        <v>63</v>
      </c>
      <c r="D29" s="40">
        <v>150820</v>
      </c>
      <c r="E29" s="38">
        <v>17791</v>
      </c>
      <c r="F29" s="39">
        <v>11.8</v>
      </c>
      <c r="G29" s="40">
        <v>153002</v>
      </c>
      <c r="H29" s="38">
        <v>18928</v>
      </c>
      <c r="I29" s="41">
        <v>12.4</v>
      </c>
      <c r="J29" s="37">
        <v>155139</v>
      </c>
      <c r="K29" s="38">
        <v>20003</v>
      </c>
      <c r="L29" s="39">
        <v>12.9</v>
      </c>
      <c r="M29" s="40">
        <v>103436</v>
      </c>
      <c r="N29" s="38">
        <v>14929</v>
      </c>
      <c r="O29" s="41">
        <v>14.4</v>
      </c>
      <c r="P29" s="37">
        <v>104396</v>
      </c>
      <c r="Q29" s="38">
        <v>15645</v>
      </c>
      <c r="R29" s="39">
        <v>15</v>
      </c>
      <c r="S29" s="40">
        <v>105333</v>
      </c>
      <c r="T29" s="38">
        <v>16486</v>
      </c>
      <c r="U29" s="67">
        <v>15.7</v>
      </c>
      <c r="V29" s="37">
        <v>105864</v>
      </c>
      <c r="W29" s="38">
        <v>17379</v>
      </c>
      <c r="X29" s="68">
        <v>16.399999999999999</v>
      </c>
      <c r="Y29" s="40">
        <v>106475</v>
      </c>
      <c r="Z29" s="38">
        <v>18184</v>
      </c>
      <c r="AA29" s="67">
        <v>17.100000000000001</v>
      </c>
      <c r="AB29" s="37">
        <v>107778</v>
      </c>
      <c r="AC29" s="38">
        <v>19018</v>
      </c>
      <c r="AD29" s="68">
        <v>17.600000000000001</v>
      </c>
      <c r="AE29" s="40">
        <v>108558</v>
      </c>
      <c r="AF29" s="38">
        <v>19798</v>
      </c>
      <c r="AG29" s="67">
        <v>18.2</v>
      </c>
      <c r="AH29" s="37">
        <v>109062</v>
      </c>
      <c r="AI29" s="38">
        <v>20506</v>
      </c>
      <c r="AJ29" s="68">
        <v>18.8</v>
      </c>
      <c r="AK29" s="40">
        <v>109748</v>
      </c>
      <c r="AL29" s="38">
        <v>21383</v>
      </c>
      <c r="AM29" s="67">
        <v>19.5</v>
      </c>
      <c r="AN29" s="37">
        <v>110003</v>
      </c>
      <c r="AO29" s="38">
        <v>22356</v>
      </c>
      <c r="AP29" s="68">
        <v>20.3</v>
      </c>
      <c r="AQ29" s="40">
        <v>110528</v>
      </c>
      <c r="AR29" s="38">
        <v>23097</v>
      </c>
      <c r="AS29" s="67">
        <v>20.9</v>
      </c>
      <c r="AT29" s="37">
        <v>111038</v>
      </c>
      <c r="AU29" s="38">
        <v>23969</v>
      </c>
      <c r="AV29" s="68">
        <v>21.6</v>
      </c>
      <c r="AW29" s="40">
        <v>111824</v>
      </c>
      <c r="AX29" s="38">
        <v>24736</v>
      </c>
      <c r="AY29" s="41">
        <v>22.1</v>
      </c>
      <c r="AZ29" s="37">
        <v>112559</v>
      </c>
      <c r="BA29" s="38">
        <v>25387</v>
      </c>
      <c r="BB29" s="68">
        <v>22.6</v>
      </c>
      <c r="BC29" s="40">
        <v>113646</v>
      </c>
      <c r="BD29" s="38">
        <v>26219</v>
      </c>
      <c r="BE29" s="41">
        <v>23.1</v>
      </c>
      <c r="BF29" s="37">
        <v>114491</v>
      </c>
      <c r="BG29" s="38">
        <v>115097</v>
      </c>
      <c r="BH29" s="38">
        <v>27216</v>
      </c>
      <c r="BI29" s="38">
        <v>27261</v>
      </c>
      <c r="BJ29" s="69">
        <v>23.8</v>
      </c>
      <c r="BK29" s="39">
        <v>23.7</v>
      </c>
      <c r="BL29" s="40">
        <v>115286</v>
      </c>
      <c r="BM29" s="38">
        <v>115900</v>
      </c>
      <c r="BN29" s="38">
        <v>28006</v>
      </c>
      <c r="BO29" s="38">
        <v>28055</v>
      </c>
      <c r="BP29" s="47">
        <v>24.3</v>
      </c>
      <c r="BQ29" s="67">
        <v>24.2</v>
      </c>
      <c r="BR29" s="37">
        <v>115897</v>
      </c>
      <c r="BS29" s="38">
        <v>116552</v>
      </c>
      <c r="BT29" s="38">
        <v>29278</v>
      </c>
      <c r="BU29" s="38">
        <v>29333</v>
      </c>
      <c r="BV29" s="47">
        <v>25.3</v>
      </c>
      <c r="BW29" s="39">
        <v>25.2</v>
      </c>
      <c r="BX29" s="70">
        <v>116480</v>
      </c>
      <c r="BY29" s="38">
        <v>117195</v>
      </c>
      <c r="BZ29" s="74">
        <v>30269</v>
      </c>
      <c r="CA29" s="38">
        <v>30326</v>
      </c>
      <c r="CB29" s="47">
        <v>26</v>
      </c>
      <c r="CC29" s="41">
        <v>25.9</v>
      </c>
      <c r="CD29" s="37">
        <v>117084</v>
      </c>
      <c r="CE29" s="38">
        <v>117805</v>
      </c>
      <c r="CF29" s="38">
        <v>31123</v>
      </c>
      <c r="CG29" s="38">
        <v>31186</v>
      </c>
      <c r="CH29" s="47">
        <v>26.6</v>
      </c>
      <c r="CI29" s="39">
        <v>26.5</v>
      </c>
      <c r="CJ29" s="40">
        <v>118086</v>
      </c>
      <c r="CK29" s="38">
        <v>118878</v>
      </c>
      <c r="CL29" s="38">
        <v>31994</v>
      </c>
      <c r="CM29" s="38">
        <v>32058</v>
      </c>
      <c r="CN29" s="47">
        <v>27.1</v>
      </c>
      <c r="CO29" s="41">
        <v>27</v>
      </c>
      <c r="CP29" s="37">
        <v>118650</v>
      </c>
      <c r="CQ29" s="38">
        <v>119456</v>
      </c>
      <c r="CR29" s="38">
        <v>32717</v>
      </c>
      <c r="CS29" s="38">
        <v>32782</v>
      </c>
      <c r="CT29" s="47">
        <v>27.6</v>
      </c>
      <c r="CU29" s="49">
        <v>27.4</v>
      </c>
      <c r="CV29" s="37">
        <v>119280</v>
      </c>
      <c r="CW29" s="38">
        <v>120179</v>
      </c>
      <c r="CX29" s="38">
        <v>33320</v>
      </c>
      <c r="CY29" s="38">
        <v>33382</v>
      </c>
      <c r="CZ29" s="47">
        <f t="shared" si="0"/>
        <v>27.9</v>
      </c>
      <c r="DA29" s="49">
        <f t="shared" si="1"/>
        <v>27.8</v>
      </c>
      <c r="DB29" s="37">
        <v>119822</v>
      </c>
      <c r="DC29" s="38">
        <v>120591</v>
      </c>
      <c r="DD29" s="38">
        <v>33774</v>
      </c>
      <c r="DE29" s="38">
        <v>33838</v>
      </c>
      <c r="DF29" s="47">
        <v>28.2</v>
      </c>
      <c r="DG29" s="49">
        <v>28.1</v>
      </c>
      <c r="DH29" s="37">
        <v>120209</v>
      </c>
      <c r="DI29" s="38">
        <v>120981</v>
      </c>
      <c r="DJ29" s="38">
        <v>34183</v>
      </c>
      <c r="DK29" s="38">
        <v>34256</v>
      </c>
      <c r="DL29" s="47">
        <f t="shared" si="2"/>
        <v>28.436306765716381</v>
      </c>
      <c r="DM29" s="49">
        <f t="shared" si="3"/>
        <v>28.315189988510593</v>
      </c>
      <c r="DN29" s="37">
        <v>120131</v>
      </c>
      <c r="DO29" s="38">
        <v>121029</v>
      </c>
      <c r="DP29" s="38">
        <v>34451</v>
      </c>
      <c r="DQ29" s="38">
        <v>34531</v>
      </c>
      <c r="DR29" s="47">
        <f t="shared" si="4"/>
        <v>28.67786000283024</v>
      </c>
      <c r="DS29" s="49">
        <f t="shared" si="5"/>
        <v>28.531178477885465</v>
      </c>
    </row>
    <row r="30" spans="1:123" x14ac:dyDescent="0.2">
      <c r="A30" s="76"/>
      <c r="B30" s="179" t="s">
        <v>20</v>
      </c>
      <c r="C30" s="121" t="s">
        <v>61</v>
      </c>
      <c r="D30" s="53">
        <v>153589</v>
      </c>
      <c r="E30" s="51">
        <v>18526</v>
      </c>
      <c r="F30" s="52">
        <v>12.1</v>
      </c>
      <c r="G30" s="53">
        <v>154621</v>
      </c>
      <c r="H30" s="51">
        <v>19803</v>
      </c>
      <c r="I30" s="54">
        <v>12.8</v>
      </c>
      <c r="J30" s="50">
        <v>155725</v>
      </c>
      <c r="K30" s="51">
        <v>21134</v>
      </c>
      <c r="L30" s="52">
        <v>13.6</v>
      </c>
      <c r="M30" s="53">
        <v>156257</v>
      </c>
      <c r="N30" s="51">
        <v>22360</v>
      </c>
      <c r="O30" s="54">
        <v>14.3</v>
      </c>
      <c r="P30" s="50">
        <v>156113</v>
      </c>
      <c r="Q30" s="51">
        <v>23522</v>
      </c>
      <c r="R30" s="52">
        <v>15.1</v>
      </c>
      <c r="S30" s="53">
        <v>155899</v>
      </c>
      <c r="T30" s="51">
        <v>24787</v>
      </c>
      <c r="U30" s="58">
        <v>15.9</v>
      </c>
      <c r="V30" s="50">
        <v>155202</v>
      </c>
      <c r="W30" s="51">
        <v>26102</v>
      </c>
      <c r="X30" s="55">
        <v>16.8</v>
      </c>
      <c r="Y30" s="53">
        <v>154349</v>
      </c>
      <c r="Z30" s="51">
        <v>27187</v>
      </c>
      <c r="AA30" s="58">
        <v>17.600000000000001</v>
      </c>
      <c r="AB30" s="50">
        <v>154107</v>
      </c>
      <c r="AC30" s="51">
        <v>28372</v>
      </c>
      <c r="AD30" s="55">
        <v>18.399999999999999</v>
      </c>
      <c r="AE30" s="53">
        <v>153455</v>
      </c>
      <c r="AF30" s="51">
        <v>29445</v>
      </c>
      <c r="AG30" s="58">
        <v>19.2</v>
      </c>
      <c r="AH30" s="50">
        <v>152037</v>
      </c>
      <c r="AI30" s="51">
        <v>30377</v>
      </c>
      <c r="AJ30" s="55">
        <v>20</v>
      </c>
      <c r="AK30" s="53">
        <v>151212</v>
      </c>
      <c r="AL30" s="51">
        <v>31557</v>
      </c>
      <c r="AM30" s="58">
        <v>20.9</v>
      </c>
      <c r="AN30" s="50">
        <v>150055</v>
      </c>
      <c r="AO30" s="51">
        <v>32928</v>
      </c>
      <c r="AP30" s="55">
        <v>21.9</v>
      </c>
      <c r="AQ30" s="53">
        <v>148476</v>
      </c>
      <c r="AR30" s="51">
        <v>34085</v>
      </c>
      <c r="AS30" s="58">
        <v>23</v>
      </c>
      <c r="AT30" s="50">
        <v>147397</v>
      </c>
      <c r="AU30" s="51">
        <v>35354</v>
      </c>
      <c r="AV30" s="55">
        <v>24</v>
      </c>
      <c r="AW30" s="53">
        <v>146310</v>
      </c>
      <c r="AX30" s="51">
        <v>36285</v>
      </c>
      <c r="AY30" s="54">
        <v>24.8</v>
      </c>
      <c r="AZ30" s="50">
        <v>144934</v>
      </c>
      <c r="BA30" s="51">
        <v>36844</v>
      </c>
      <c r="BB30" s="55">
        <v>25.4</v>
      </c>
      <c r="BC30" s="53">
        <v>143614</v>
      </c>
      <c r="BD30" s="51">
        <v>38043</v>
      </c>
      <c r="BE30" s="54">
        <v>26.5</v>
      </c>
      <c r="BF30" s="50">
        <v>142678</v>
      </c>
      <c r="BG30" s="51">
        <v>143140</v>
      </c>
      <c r="BH30" s="51">
        <v>39718</v>
      </c>
      <c r="BI30" s="51">
        <v>39762</v>
      </c>
      <c r="BJ30" s="56">
        <v>27.8</v>
      </c>
      <c r="BK30" s="52">
        <v>27.8</v>
      </c>
      <c r="BL30" s="53">
        <v>142439</v>
      </c>
      <c r="BM30" s="51">
        <v>142908</v>
      </c>
      <c r="BN30" s="51">
        <v>40829</v>
      </c>
      <c r="BO30" s="51">
        <v>40872</v>
      </c>
      <c r="BP30" s="57">
        <v>28.7</v>
      </c>
      <c r="BQ30" s="58">
        <v>28.6</v>
      </c>
      <c r="BR30" s="50">
        <v>141262</v>
      </c>
      <c r="BS30" s="51">
        <v>141745</v>
      </c>
      <c r="BT30" s="51">
        <v>42700</v>
      </c>
      <c r="BU30" s="51">
        <v>42743</v>
      </c>
      <c r="BV30" s="57">
        <v>30.2</v>
      </c>
      <c r="BW30" s="52">
        <v>30.2</v>
      </c>
      <c r="BX30" s="59">
        <v>140312</v>
      </c>
      <c r="BY30" s="51">
        <v>140809</v>
      </c>
      <c r="BZ30" s="72">
        <v>44010</v>
      </c>
      <c r="CA30" s="51">
        <v>44056</v>
      </c>
      <c r="CB30" s="57">
        <v>31.4</v>
      </c>
      <c r="CC30" s="54">
        <v>31.3</v>
      </c>
      <c r="CD30" s="50">
        <v>139317</v>
      </c>
      <c r="CE30" s="51">
        <v>139872</v>
      </c>
      <c r="CF30" s="51">
        <v>45205</v>
      </c>
      <c r="CG30" s="51">
        <v>45247</v>
      </c>
      <c r="CH30" s="57">
        <v>32.4</v>
      </c>
      <c r="CI30" s="52">
        <v>32.299999999999997</v>
      </c>
      <c r="CJ30" s="53">
        <v>138131</v>
      </c>
      <c r="CK30" s="51">
        <v>138707</v>
      </c>
      <c r="CL30" s="51">
        <v>46049</v>
      </c>
      <c r="CM30" s="51">
        <v>46094</v>
      </c>
      <c r="CN30" s="57">
        <v>33.299999999999997</v>
      </c>
      <c r="CO30" s="54">
        <v>33.200000000000003</v>
      </c>
      <c r="CP30" s="50">
        <v>136898</v>
      </c>
      <c r="CQ30" s="51">
        <v>137488</v>
      </c>
      <c r="CR30" s="51">
        <v>46812</v>
      </c>
      <c r="CS30" s="51">
        <v>46858</v>
      </c>
      <c r="CT30" s="57">
        <v>34.200000000000003</v>
      </c>
      <c r="CU30" s="61">
        <v>34.1</v>
      </c>
      <c r="CV30" s="50">
        <v>135844</v>
      </c>
      <c r="CW30" s="51">
        <v>136558</v>
      </c>
      <c r="CX30" s="51">
        <v>47451</v>
      </c>
      <c r="CY30" s="51">
        <v>47499</v>
      </c>
      <c r="CZ30" s="21">
        <f t="shared" si="0"/>
        <v>34.9</v>
      </c>
      <c r="DA30" s="23">
        <f t="shared" si="1"/>
        <v>34.799999999999997</v>
      </c>
      <c r="DB30" s="50">
        <v>135049</v>
      </c>
      <c r="DC30" s="51">
        <v>135748</v>
      </c>
      <c r="DD30" s="51">
        <v>47989</v>
      </c>
      <c r="DE30" s="51">
        <v>48043</v>
      </c>
      <c r="DF30" s="21">
        <v>35.5</v>
      </c>
      <c r="DG30" s="23">
        <v>35.4</v>
      </c>
      <c r="DH30" s="50">
        <v>134616</v>
      </c>
      <c r="DI30" s="51">
        <v>135314</v>
      </c>
      <c r="DJ30" s="51">
        <v>48352</v>
      </c>
      <c r="DK30" s="51">
        <v>48406</v>
      </c>
      <c r="DL30" s="21">
        <f t="shared" si="2"/>
        <v>35.918464372734292</v>
      </c>
      <c r="DM30" s="23">
        <f t="shared" si="3"/>
        <v>35.773090737100368</v>
      </c>
      <c r="DN30" s="50">
        <v>133706</v>
      </c>
      <c r="DO30" s="51">
        <v>134537</v>
      </c>
      <c r="DP30" s="51">
        <v>48416</v>
      </c>
      <c r="DQ30" s="51">
        <v>48475</v>
      </c>
      <c r="DR30" s="21">
        <f t="shared" si="4"/>
        <v>36.210790839603305</v>
      </c>
      <c r="DS30" s="23">
        <f t="shared" si="5"/>
        <v>36.030980325115024</v>
      </c>
    </row>
    <row r="31" spans="1:123" x14ac:dyDescent="0.2">
      <c r="A31" s="76"/>
      <c r="B31" s="172"/>
      <c r="C31" s="123" t="s">
        <v>62</v>
      </c>
      <c r="D31" s="27">
        <v>74314</v>
      </c>
      <c r="E31" s="25">
        <v>7982</v>
      </c>
      <c r="F31" s="26">
        <v>10.7</v>
      </c>
      <c r="G31" s="27">
        <v>74591</v>
      </c>
      <c r="H31" s="25">
        <v>8578</v>
      </c>
      <c r="I31" s="28">
        <v>11.5</v>
      </c>
      <c r="J31" s="24">
        <v>75059</v>
      </c>
      <c r="K31" s="25">
        <v>9136</v>
      </c>
      <c r="L31" s="26">
        <v>12.2</v>
      </c>
      <c r="M31" s="27">
        <v>75099</v>
      </c>
      <c r="N31" s="25">
        <v>9690</v>
      </c>
      <c r="O31" s="28">
        <v>12.9</v>
      </c>
      <c r="P31" s="24">
        <v>74899</v>
      </c>
      <c r="Q31" s="25">
        <v>10162</v>
      </c>
      <c r="R31" s="26">
        <v>13.6</v>
      </c>
      <c r="S31" s="27">
        <v>74783</v>
      </c>
      <c r="T31" s="25">
        <v>10686</v>
      </c>
      <c r="U31" s="62">
        <v>14.3</v>
      </c>
      <c r="V31" s="24">
        <v>74180</v>
      </c>
      <c r="W31" s="25">
        <v>11254</v>
      </c>
      <c r="X31" s="63">
        <v>15.2</v>
      </c>
      <c r="Y31" s="27">
        <v>73786</v>
      </c>
      <c r="Z31" s="25">
        <v>11705</v>
      </c>
      <c r="AA31" s="62">
        <v>15.9</v>
      </c>
      <c r="AB31" s="24">
        <v>73667</v>
      </c>
      <c r="AC31" s="25">
        <v>12190</v>
      </c>
      <c r="AD31" s="63">
        <v>16.5</v>
      </c>
      <c r="AE31" s="27">
        <v>73129</v>
      </c>
      <c r="AF31" s="25">
        <v>12593</v>
      </c>
      <c r="AG31" s="62">
        <v>17.2</v>
      </c>
      <c r="AH31" s="24">
        <v>72309</v>
      </c>
      <c r="AI31" s="25">
        <v>12953</v>
      </c>
      <c r="AJ31" s="63">
        <v>17.899999999999999</v>
      </c>
      <c r="AK31" s="27">
        <v>71770</v>
      </c>
      <c r="AL31" s="25">
        <v>13476</v>
      </c>
      <c r="AM31" s="62">
        <v>18.8</v>
      </c>
      <c r="AN31" s="24">
        <v>70948</v>
      </c>
      <c r="AO31" s="25">
        <v>13996</v>
      </c>
      <c r="AP31" s="63">
        <v>19.7</v>
      </c>
      <c r="AQ31" s="27">
        <v>69876</v>
      </c>
      <c r="AR31" s="25">
        <v>14458</v>
      </c>
      <c r="AS31" s="62">
        <v>20.7</v>
      </c>
      <c r="AT31" s="24">
        <v>69213</v>
      </c>
      <c r="AU31" s="25">
        <v>15054</v>
      </c>
      <c r="AV31" s="63">
        <v>21.8</v>
      </c>
      <c r="AW31" s="27">
        <v>68497</v>
      </c>
      <c r="AX31" s="25">
        <v>15398</v>
      </c>
      <c r="AY31" s="28">
        <v>22.5</v>
      </c>
      <c r="AZ31" s="24">
        <v>67821</v>
      </c>
      <c r="BA31" s="25">
        <v>15575</v>
      </c>
      <c r="BB31" s="63">
        <v>23</v>
      </c>
      <c r="BC31" s="27">
        <v>67028</v>
      </c>
      <c r="BD31" s="25">
        <v>16057</v>
      </c>
      <c r="BE31" s="28">
        <v>24</v>
      </c>
      <c r="BF31" s="24">
        <v>66482</v>
      </c>
      <c r="BG31" s="25">
        <v>66705</v>
      </c>
      <c r="BH31" s="25">
        <v>16806</v>
      </c>
      <c r="BI31" s="25">
        <v>16829</v>
      </c>
      <c r="BJ31" s="64">
        <v>25.3</v>
      </c>
      <c r="BK31" s="26">
        <v>25.2</v>
      </c>
      <c r="BL31" s="27">
        <v>66466</v>
      </c>
      <c r="BM31" s="25">
        <v>66684</v>
      </c>
      <c r="BN31" s="25">
        <v>17258</v>
      </c>
      <c r="BO31" s="25">
        <v>17280</v>
      </c>
      <c r="BP31" s="34">
        <v>26</v>
      </c>
      <c r="BQ31" s="62">
        <v>25.9</v>
      </c>
      <c r="BR31" s="24">
        <v>65819</v>
      </c>
      <c r="BS31" s="25">
        <v>66039</v>
      </c>
      <c r="BT31" s="25">
        <v>18033</v>
      </c>
      <c r="BU31" s="25">
        <v>18052</v>
      </c>
      <c r="BV31" s="34">
        <v>27.4</v>
      </c>
      <c r="BW31" s="26">
        <v>27.3</v>
      </c>
      <c r="BX31" s="65">
        <v>65275</v>
      </c>
      <c r="BY31" s="25">
        <v>65497</v>
      </c>
      <c r="BZ31" s="73">
        <v>18640</v>
      </c>
      <c r="CA31" s="25">
        <v>18661</v>
      </c>
      <c r="CB31" s="34">
        <v>28.6</v>
      </c>
      <c r="CC31" s="28">
        <v>28.5</v>
      </c>
      <c r="CD31" s="24">
        <v>64715</v>
      </c>
      <c r="CE31" s="25">
        <v>64970</v>
      </c>
      <c r="CF31" s="25">
        <v>19134</v>
      </c>
      <c r="CG31" s="25">
        <v>19154</v>
      </c>
      <c r="CH31" s="34">
        <v>29.6</v>
      </c>
      <c r="CI31" s="26">
        <v>29.5</v>
      </c>
      <c r="CJ31" s="27">
        <v>64231</v>
      </c>
      <c r="CK31" s="25">
        <v>64503</v>
      </c>
      <c r="CL31" s="25">
        <v>19491</v>
      </c>
      <c r="CM31" s="25">
        <v>19514</v>
      </c>
      <c r="CN31" s="34">
        <v>30.3</v>
      </c>
      <c r="CO31" s="28">
        <v>30.3</v>
      </c>
      <c r="CP31" s="24">
        <v>63537</v>
      </c>
      <c r="CQ31" s="25">
        <v>63813</v>
      </c>
      <c r="CR31" s="25">
        <v>19774</v>
      </c>
      <c r="CS31" s="25">
        <v>19796</v>
      </c>
      <c r="CT31" s="34">
        <v>31.1</v>
      </c>
      <c r="CU31" s="36">
        <v>31</v>
      </c>
      <c r="CV31" s="24">
        <v>63015</v>
      </c>
      <c r="CW31" s="25">
        <v>63351</v>
      </c>
      <c r="CX31" s="25">
        <v>20049</v>
      </c>
      <c r="CY31" s="25">
        <v>20073</v>
      </c>
      <c r="CZ31" s="34">
        <f t="shared" si="0"/>
        <v>31.8</v>
      </c>
      <c r="DA31" s="36">
        <f t="shared" si="1"/>
        <v>31.7</v>
      </c>
      <c r="DB31" s="24">
        <v>62677</v>
      </c>
      <c r="DC31" s="25">
        <v>63017</v>
      </c>
      <c r="DD31" s="25">
        <v>20266</v>
      </c>
      <c r="DE31" s="25">
        <v>20292</v>
      </c>
      <c r="DF31" s="34">
        <v>32.299999999999997</v>
      </c>
      <c r="DG31" s="36">
        <v>32.200000000000003</v>
      </c>
      <c r="DH31" s="24">
        <v>62463</v>
      </c>
      <c r="DI31" s="25">
        <v>62819</v>
      </c>
      <c r="DJ31" s="25">
        <v>20400</v>
      </c>
      <c r="DK31" s="25">
        <v>20426</v>
      </c>
      <c r="DL31" s="34">
        <f t="shared" si="2"/>
        <v>32.659334325920945</v>
      </c>
      <c r="DM31" s="36">
        <f t="shared" si="3"/>
        <v>32.515640172559259</v>
      </c>
      <c r="DN31" s="24">
        <v>62067</v>
      </c>
      <c r="DO31" s="25">
        <v>62482</v>
      </c>
      <c r="DP31" s="25">
        <v>20408</v>
      </c>
      <c r="DQ31" s="25">
        <v>20436</v>
      </c>
      <c r="DR31" s="34">
        <f t="shared" si="4"/>
        <v>32.880596774453416</v>
      </c>
      <c r="DS31" s="36">
        <f t="shared" si="5"/>
        <v>32.707019621651035</v>
      </c>
    </row>
    <row r="32" spans="1:123" x14ac:dyDescent="0.2">
      <c r="A32" s="76"/>
      <c r="B32" s="174"/>
      <c r="C32" s="122" t="s">
        <v>63</v>
      </c>
      <c r="D32" s="40">
        <v>79275</v>
      </c>
      <c r="E32" s="38">
        <v>10544</v>
      </c>
      <c r="F32" s="39">
        <v>13.3</v>
      </c>
      <c r="G32" s="40">
        <v>80030</v>
      </c>
      <c r="H32" s="38">
        <v>11225</v>
      </c>
      <c r="I32" s="41">
        <v>14</v>
      </c>
      <c r="J32" s="37">
        <v>80666</v>
      </c>
      <c r="K32" s="38">
        <v>11998</v>
      </c>
      <c r="L32" s="39">
        <v>14.9</v>
      </c>
      <c r="M32" s="40">
        <v>81158</v>
      </c>
      <c r="N32" s="38">
        <v>12670</v>
      </c>
      <c r="O32" s="41">
        <v>15.6</v>
      </c>
      <c r="P32" s="37">
        <v>81214</v>
      </c>
      <c r="Q32" s="38">
        <v>13360</v>
      </c>
      <c r="R32" s="39">
        <v>16.5</v>
      </c>
      <c r="S32" s="40">
        <v>81116</v>
      </c>
      <c r="T32" s="38">
        <v>14101</v>
      </c>
      <c r="U32" s="67">
        <v>17.399999999999999</v>
      </c>
      <c r="V32" s="37">
        <v>81022</v>
      </c>
      <c r="W32" s="38">
        <v>14848</v>
      </c>
      <c r="X32" s="68">
        <v>18.3</v>
      </c>
      <c r="Y32" s="40">
        <v>80563</v>
      </c>
      <c r="Z32" s="38">
        <v>15482</v>
      </c>
      <c r="AA32" s="67">
        <v>19.2</v>
      </c>
      <c r="AB32" s="37">
        <v>80440</v>
      </c>
      <c r="AC32" s="38">
        <v>16182</v>
      </c>
      <c r="AD32" s="68">
        <v>20.100000000000001</v>
      </c>
      <c r="AE32" s="40">
        <v>80326</v>
      </c>
      <c r="AF32" s="38">
        <v>16852</v>
      </c>
      <c r="AG32" s="67">
        <v>21</v>
      </c>
      <c r="AH32" s="37">
        <v>79728</v>
      </c>
      <c r="AI32" s="38">
        <v>17424</v>
      </c>
      <c r="AJ32" s="68">
        <v>21.9</v>
      </c>
      <c r="AK32" s="40">
        <v>79442</v>
      </c>
      <c r="AL32" s="38">
        <v>18081</v>
      </c>
      <c r="AM32" s="67">
        <v>22.8</v>
      </c>
      <c r="AN32" s="37">
        <v>79107</v>
      </c>
      <c r="AO32" s="38">
        <v>18932</v>
      </c>
      <c r="AP32" s="68">
        <v>23.9</v>
      </c>
      <c r="AQ32" s="40">
        <v>78600</v>
      </c>
      <c r="AR32" s="38">
        <v>19627</v>
      </c>
      <c r="AS32" s="67">
        <v>25</v>
      </c>
      <c r="AT32" s="37">
        <v>78184</v>
      </c>
      <c r="AU32" s="38">
        <v>20300</v>
      </c>
      <c r="AV32" s="68">
        <v>26</v>
      </c>
      <c r="AW32" s="40">
        <v>77813</v>
      </c>
      <c r="AX32" s="38">
        <v>20887</v>
      </c>
      <c r="AY32" s="41">
        <v>26.8</v>
      </c>
      <c r="AZ32" s="37">
        <v>77113</v>
      </c>
      <c r="BA32" s="38">
        <v>21269</v>
      </c>
      <c r="BB32" s="68">
        <v>27.6</v>
      </c>
      <c r="BC32" s="40">
        <v>76586</v>
      </c>
      <c r="BD32" s="38">
        <v>21986</v>
      </c>
      <c r="BE32" s="41">
        <v>28.7</v>
      </c>
      <c r="BF32" s="37">
        <v>76196</v>
      </c>
      <c r="BG32" s="38">
        <v>76435</v>
      </c>
      <c r="BH32" s="38">
        <v>22912</v>
      </c>
      <c r="BI32" s="38">
        <v>22933</v>
      </c>
      <c r="BJ32" s="69">
        <v>30.1</v>
      </c>
      <c r="BK32" s="39">
        <v>30</v>
      </c>
      <c r="BL32" s="40">
        <v>75973</v>
      </c>
      <c r="BM32" s="38">
        <v>76224</v>
      </c>
      <c r="BN32" s="38">
        <v>23571</v>
      </c>
      <c r="BO32" s="38">
        <v>23592</v>
      </c>
      <c r="BP32" s="47">
        <v>31</v>
      </c>
      <c r="BQ32" s="67">
        <v>31</v>
      </c>
      <c r="BR32" s="37">
        <v>75443</v>
      </c>
      <c r="BS32" s="38">
        <v>75706</v>
      </c>
      <c r="BT32" s="38">
        <v>24667</v>
      </c>
      <c r="BU32" s="38">
        <v>24691</v>
      </c>
      <c r="BV32" s="47">
        <v>32.700000000000003</v>
      </c>
      <c r="BW32" s="39">
        <v>32.6</v>
      </c>
      <c r="BX32" s="70">
        <v>75037</v>
      </c>
      <c r="BY32" s="38">
        <v>75312</v>
      </c>
      <c r="BZ32" s="74">
        <v>25370</v>
      </c>
      <c r="CA32" s="38">
        <v>25395</v>
      </c>
      <c r="CB32" s="47">
        <v>33.799999999999997</v>
      </c>
      <c r="CC32" s="41">
        <v>33.700000000000003</v>
      </c>
      <c r="CD32" s="37">
        <v>74602</v>
      </c>
      <c r="CE32" s="38">
        <v>74902</v>
      </c>
      <c r="CF32" s="38">
        <v>26071</v>
      </c>
      <c r="CG32" s="38">
        <v>26093</v>
      </c>
      <c r="CH32" s="47">
        <v>34.9</v>
      </c>
      <c r="CI32" s="39">
        <v>34.799999999999997</v>
      </c>
      <c r="CJ32" s="40">
        <v>73900</v>
      </c>
      <c r="CK32" s="38">
        <v>74204</v>
      </c>
      <c r="CL32" s="38">
        <v>26558</v>
      </c>
      <c r="CM32" s="38">
        <v>26580</v>
      </c>
      <c r="CN32" s="47">
        <v>35.9</v>
      </c>
      <c r="CO32" s="41">
        <v>35.799999999999997</v>
      </c>
      <c r="CP32" s="37">
        <v>73361</v>
      </c>
      <c r="CQ32" s="38">
        <v>73675</v>
      </c>
      <c r="CR32" s="38">
        <v>27038</v>
      </c>
      <c r="CS32" s="38">
        <v>27062</v>
      </c>
      <c r="CT32" s="47">
        <v>36.9</v>
      </c>
      <c r="CU32" s="49">
        <v>36.700000000000003</v>
      </c>
      <c r="CV32" s="37">
        <v>72829</v>
      </c>
      <c r="CW32" s="38">
        <v>73207</v>
      </c>
      <c r="CX32" s="38">
        <v>27402</v>
      </c>
      <c r="CY32" s="38">
        <v>27426</v>
      </c>
      <c r="CZ32" s="47">
        <f t="shared" si="0"/>
        <v>37.6</v>
      </c>
      <c r="DA32" s="49">
        <f t="shared" si="1"/>
        <v>37.5</v>
      </c>
      <c r="DB32" s="37">
        <v>72372</v>
      </c>
      <c r="DC32" s="38">
        <v>72731</v>
      </c>
      <c r="DD32" s="38">
        <v>27723</v>
      </c>
      <c r="DE32" s="38">
        <v>27751</v>
      </c>
      <c r="DF32" s="47">
        <v>38.299999999999997</v>
      </c>
      <c r="DG32" s="49">
        <v>38.200000000000003</v>
      </c>
      <c r="DH32" s="37">
        <v>72153</v>
      </c>
      <c r="DI32" s="38">
        <v>72495</v>
      </c>
      <c r="DJ32" s="38">
        <v>27952</v>
      </c>
      <c r="DK32" s="38">
        <v>27980</v>
      </c>
      <c r="DL32" s="21">
        <f t="shared" si="2"/>
        <v>38.739899934860645</v>
      </c>
      <c r="DM32" s="23">
        <f t="shared" si="3"/>
        <v>38.595765225187947</v>
      </c>
      <c r="DN32" s="37">
        <v>71639</v>
      </c>
      <c r="DO32" s="38">
        <v>72055</v>
      </c>
      <c r="DP32" s="38">
        <v>28008</v>
      </c>
      <c r="DQ32" s="38">
        <v>28039</v>
      </c>
      <c r="DR32" s="21">
        <f t="shared" si="4"/>
        <v>39.096023115900557</v>
      </c>
      <c r="DS32" s="23">
        <f t="shared" si="5"/>
        <v>38.913330095066264</v>
      </c>
    </row>
    <row r="33" spans="1:123" x14ac:dyDescent="0.2">
      <c r="A33" s="76"/>
      <c r="B33" s="179" t="s">
        <v>21</v>
      </c>
      <c r="C33" s="121" t="s">
        <v>61</v>
      </c>
      <c r="D33" s="53">
        <v>193992</v>
      </c>
      <c r="E33" s="51">
        <v>22275</v>
      </c>
      <c r="F33" s="52">
        <v>11.5</v>
      </c>
      <c r="G33" s="53">
        <v>194726</v>
      </c>
      <c r="H33" s="51">
        <v>23736</v>
      </c>
      <c r="I33" s="54">
        <v>12.2</v>
      </c>
      <c r="J33" s="50">
        <v>195795</v>
      </c>
      <c r="K33" s="51">
        <v>25024</v>
      </c>
      <c r="L33" s="52">
        <v>12.8</v>
      </c>
      <c r="M33" s="53">
        <v>197363</v>
      </c>
      <c r="N33" s="51">
        <v>26579</v>
      </c>
      <c r="O33" s="54">
        <v>13.5</v>
      </c>
      <c r="P33" s="50">
        <v>198750</v>
      </c>
      <c r="Q33" s="51">
        <v>27861</v>
      </c>
      <c r="R33" s="52">
        <v>14</v>
      </c>
      <c r="S33" s="53">
        <v>199531</v>
      </c>
      <c r="T33" s="51">
        <v>29234</v>
      </c>
      <c r="U33" s="58">
        <v>14.7</v>
      </c>
      <c r="V33" s="50">
        <v>201094</v>
      </c>
      <c r="W33" s="51">
        <v>30929</v>
      </c>
      <c r="X33" s="55">
        <v>15.4</v>
      </c>
      <c r="Y33" s="53">
        <v>202824</v>
      </c>
      <c r="Z33" s="51">
        <v>32186</v>
      </c>
      <c r="AA33" s="58">
        <v>15.9</v>
      </c>
      <c r="AB33" s="50">
        <v>203381</v>
      </c>
      <c r="AC33" s="51">
        <v>33684</v>
      </c>
      <c r="AD33" s="55">
        <v>16.600000000000001</v>
      </c>
      <c r="AE33" s="53">
        <v>204740</v>
      </c>
      <c r="AF33" s="51">
        <v>34963</v>
      </c>
      <c r="AG33" s="58">
        <v>17.100000000000001</v>
      </c>
      <c r="AH33" s="50">
        <v>206437</v>
      </c>
      <c r="AI33" s="51">
        <v>36312</v>
      </c>
      <c r="AJ33" s="55">
        <v>17.600000000000001</v>
      </c>
      <c r="AK33" s="53">
        <v>208755</v>
      </c>
      <c r="AL33" s="51">
        <v>37803</v>
      </c>
      <c r="AM33" s="58">
        <v>18.100000000000001</v>
      </c>
      <c r="AN33" s="50">
        <v>209312</v>
      </c>
      <c r="AO33" s="51">
        <v>39504</v>
      </c>
      <c r="AP33" s="55">
        <v>18.899999999999999</v>
      </c>
      <c r="AQ33" s="53">
        <v>209811</v>
      </c>
      <c r="AR33" s="51">
        <v>40993</v>
      </c>
      <c r="AS33" s="58">
        <v>19.5</v>
      </c>
      <c r="AT33" s="50">
        <v>209883</v>
      </c>
      <c r="AU33" s="51">
        <v>42647</v>
      </c>
      <c r="AV33" s="55">
        <v>20.3</v>
      </c>
      <c r="AW33" s="53">
        <v>210104</v>
      </c>
      <c r="AX33" s="51">
        <v>43876</v>
      </c>
      <c r="AY33" s="54">
        <v>20.9</v>
      </c>
      <c r="AZ33" s="50">
        <v>210455</v>
      </c>
      <c r="BA33" s="51">
        <v>44850</v>
      </c>
      <c r="BB33" s="55">
        <v>21.3</v>
      </c>
      <c r="BC33" s="53">
        <v>210290</v>
      </c>
      <c r="BD33" s="51">
        <v>46483</v>
      </c>
      <c r="BE33" s="54">
        <v>22.1</v>
      </c>
      <c r="BF33" s="50">
        <v>209889</v>
      </c>
      <c r="BG33" s="51">
        <v>210440</v>
      </c>
      <c r="BH33" s="51">
        <v>48641</v>
      </c>
      <c r="BI33" s="51">
        <v>48690</v>
      </c>
      <c r="BJ33" s="56">
        <v>23.2</v>
      </c>
      <c r="BK33" s="52">
        <v>23.1</v>
      </c>
      <c r="BL33" s="53">
        <v>211079</v>
      </c>
      <c r="BM33" s="51">
        <v>211636</v>
      </c>
      <c r="BN33" s="51">
        <v>50226</v>
      </c>
      <c r="BO33" s="51">
        <v>50276</v>
      </c>
      <c r="BP33" s="57">
        <v>23.8</v>
      </c>
      <c r="BQ33" s="58">
        <v>23.8</v>
      </c>
      <c r="BR33" s="50">
        <v>211711</v>
      </c>
      <c r="BS33" s="51">
        <v>212284</v>
      </c>
      <c r="BT33" s="51">
        <v>52539</v>
      </c>
      <c r="BU33" s="51">
        <v>52596</v>
      </c>
      <c r="BV33" s="57">
        <v>24.8</v>
      </c>
      <c r="BW33" s="52">
        <v>24.8</v>
      </c>
      <c r="BX33" s="59">
        <v>211912</v>
      </c>
      <c r="BY33" s="51">
        <v>212526</v>
      </c>
      <c r="BZ33" s="72">
        <v>54431</v>
      </c>
      <c r="CA33" s="51">
        <v>54490</v>
      </c>
      <c r="CB33" s="57">
        <v>25.7</v>
      </c>
      <c r="CC33" s="54">
        <v>25.6</v>
      </c>
      <c r="CD33" s="50">
        <v>212547</v>
      </c>
      <c r="CE33" s="51">
        <v>213247</v>
      </c>
      <c r="CF33" s="51">
        <v>55973</v>
      </c>
      <c r="CG33" s="51">
        <v>56033</v>
      </c>
      <c r="CH33" s="57">
        <v>26.3</v>
      </c>
      <c r="CI33" s="52">
        <v>26.3</v>
      </c>
      <c r="CJ33" s="53">
        <v>213268</v>
      </c>
      <c r="CK33" s="51">
        <v>214049</v>
      </c>
      <c r="CL33" s="51">
        <v>57542</v>
      </c>
      <c r="CM33" s="51">
        <v>57601</v>
      </c>
      <c r="CN33" s="57">
        <v>27</v>
      </c>
      <c r="CO33" s="54">
        <v>26.9</v>
      </c>
      <c r="CP33" s="50">
        <v>214267</v>
      </c>
      <c r="CQ33" s="51">
        <v>215231</v>
      </c>
      <c r="CR33" s="51">
        <v>58855</v>
      </c>
      <c r="CS33" s="51">
        <v>58918</v>
      </c>
      <c r="CT33" s="57">
        <v>27.5</v>
      </c>
      <c r="CU33" s="61">
        <v>27.4</v>
      </c>
      <c r="CV33" s="50">
        <v>215971</v>
      </c>
      <c r="CW33" s="51">
        <v>216993</v>
      </c>
      <c r="CX33" s="51">
        <v>59958</v>
      </c>
      <c r="CY33" s="51">
        <v>60026</v>
      </c>
      <c r="CZ33" s="21">
        <f t="shared" si="0"/>
        <v>27.8</v>
      </c>
      <c r="DA33" s="23">
        <f t="shared" si="1"/>
        <v>27.7</v>
      </c>
      <c r="DB33" s="50">
        <v>217078</v>
      </c>
      <c r="DC33" s="51">
        <v>218128</v>
      </c>
      <c r="DD33" s="51">
        <v>60809</v>
      </c>
      <c r="DE33" s="51">
        <v>60881</v>
      </c>
      <c r="DF33" s="21">
        <v>28</v>
      </c>
      <c r="DG33" s="23">
        <v>27.9</v>
      </c>
      <c r="DH33" s="50">
        <v>217264</v>
      </c>
      <c r="DI33" s="51">
        <v>218245</v>
      </c>
      <c r="DJ33" s="51">
        <v>61331</v>
      </c>
      <c r="DK33" s="51">
        <v>61410</v>
      </c>
      <c r="DL33" s="57">
        <f t="shared" si="2"/>
        <v>28.228790779880697</v>
      </c>
      <c r="DM33" s="61">
        <f t="shared" si="3"/>
        <v>28.138101674723359</v>
      </c>
      <c r="DN33" s="50">
        <v>217331</v>
      </c>
      <c r="DO33" s="51">
        <v>218455</v>
      </c>
      <c r="DP33" s="51">
        <v>61615</v>
      </c>
      <c r="DQ33" s="51">
        <v>61701</v>
      </c>
      <c r="DR33" s="57">
        <f t="shared" si="4"/>
        <v>28.350764502072874</v>
      </c>
      <c r="DS33" s="61">
        <f t="shared" si="5"/>
        <v>28.244260831750246</v>
      </c>
    </row>
    <row r="34" spans="1:123" x14ac:dyDescent="0.2">
      <c r="A34" s="76"/>
      <c r="B34" s="172"/>
      <c r="C34" s="123" t="s">
        <v>62</v>
      </c>
      <c r="D34" s="27">
        <v>93380</v>
      </c>
      <c r="E34" s="25">
        <v>9564</v>
      </c>
      <c r="F34" s="26">
        <v>10.199999999999999</v>
      </c>
      <c r="G34" s="27">
        <v>93561</v>
      </c>
      <c r="H34" s="25">
        <v>10176</v>
      </c>
      <c r="I34" s="28">
        <v>10.9</v>
      </c>
      <c r="J34" s="24">
        <v>93964</v>
      </c>
      <c r="K34" s="25">
        <v>10698</v>
      </c>
      <c r="L34" s="26">
        <v>11.4</v>
      </c>
      <c r="M34" s="27">
        <v>94531</v>
      </c>
      <c r="N34" s="25">
        <v>11382</v>
      </c>
      <c r="O34" s="28">
        <v>12</v>
      </c>
      <c r="P34" s="24">
        <v>95060</v>
      </c>
      <c r="Q34" s="25">
        <v>11947</v>
      </c>
      <c r="R34" s="26">
        <v>12.6</v>
      </c>
      <c r="S34" s="27">
        <v>95159</v>
      </c>
      <c r="T34" s="25">
        <v>12503</v>
      </c>
      <c r="U34" s="62">
        <v>13.1</v>
      </c>
      <c r="V34" s="24">
        <v>95707</v>
      </c>
      <c r="W34" s="25">
        <v>13235</v>
      </c>
      <c r="X34" s="63">
        <v>13.8</v>
      </c>
      <c r="Y34" s="27">
        <v>96435</v>
      </c>
      <c r="Z34" s="25">
        <v>13728</v>
      </c>
      <c r="AA34" s="62">
        <v>14.2</v>
      </c>
      <c r="AB34" s="24">
        <v>96433</v>
      </c>
      <c r="AC34" s="25">
        <v>14305</v>
      </c>
      <c r="AD34" s="63">
        <v>14.8</v>
      </c>
      <c r="AE34" s="27">
        <v>97048</v>
      </c>
      <c r="AF34" s="25">
        <v>14818</v>
      </c>
      <c r="AG34" s="62">
        <v>15.3</v>
      </c>
      <c r="AH34" s="24">
        <v>97712</v>
      </c>
      <c r="AI34" s="25">
        <v>15341</v>
      </c>
      <c r="AJ34" s="63">
        <v>15.7</v>
      </c>
      <c r="AK34" s="27">
        <v>98713</v>
      </c>
      <c r="AL34" s="25">
        <v>15903</v>
      </c>
      <c r="AM34" s="62">
        <v>16.100000000000001</v>
      </c>
      <c r="AN34" s="24">
        <v>98655</v>
      </c>
      <c r="AO34" s="25">
        <v>16553</v>
      </c>
      <c r="AP34" s="63">
        <v>16.8</v>
      </c>
      <c r="AQ34" s="27">
        <v>98634</v>
      </c>
      <c r="AR34" s="25">
        <v>17123</v>
      </c>
      <c r="AS34" s="62">
        <v>17.399999999999999</v>
      </c>
      <c r="AT34" s="24">
        <v>98378</v>
      </c>
      <c r="AU34" s="25">
        <v>17845</v>
      </c>
      <c r="AV34" s="63">
        <v>18.100000000000001</v>
      </c>
      <c r="AW34" s="27">
        <v>98248</v>
      </c>
      <c r="AX34" s="25">
        <v>18259</v>
      </c>
      <c r="AY34" s="28">
        <v>18.600000000000001</v>
      </c>
      <c r="AZ34" s="24">
        <v>98242</v>
      </c>
      <c r="BA34" s="25">
        <v>18579</v>
      </c>
      <c r="BB34" s="63">
        <v>18.899999999999999</v>
      </c>
      <c r="BC34" s="27">
        <v>97868</v>
      </c>
      <c r="BD34" s="25">
        <v>19253</v>
      </c>
      <c r="BE34" s="28">
        <v>19.7</v>
      </c>
      <c r="BF34" s="24">
        <v>97500</v>
      </c>
      <c r="BG34" s="25">
        <v>97781</v>
      </c>
      <c r="BH34" s="25">
        <v>20138</v>
      </c>
      <c r="BI34" s="25">
        <v>20166</v>
      </c>
      <c r="BJ34" s="64">
        <v>20.7</v>
      </c>
      <c r="BK34" s="26">
        <v>20.6</v>
      </c>
      <c r="BL34" s="27">
        <v>98083</v>
      </c>
      <c r="BM34" s="25">
        <v>98363</v>
      </c>
      <c r="BN34" s="25">
        <v>20832</v>
      </c>
      <c r="BO34" s="25">
        <v>20861</v>
      </c>
      <c r="BP34" s="34">
        <v>21.2</v>
      </c>
      <c r="BQ34" s="62">
        <v>21.2</v>
      </c>
      <c r="BR34" s="24">
        <v>98133</v>
      </c>
      <c r="BS34" s="25">
        <v>98430</v>
      </c>
      <c r="BT34" s="25">
        <v>21741</v>
      </c>
      <c r="BU34" s="25">
        <v>21775</v>
      </c>
      <c r="BV34" s="34">
        <v>22.2</v>
      </c>
      <c r="BW34" s="26">
        <v>22.1</v>
      </c>
      <c r="BX34" s="65">
        <v>98084</v>
      </c>
      <c r="BY34" s="25">
        <v>98408</v>
      </c>
      <c r="BZ34" s="73">
        <v>22505</v>
      </c>
      <c r="CA34" s="25">
        <v>22539</v>
      </c>
      <c r="CB34" s="34">
        <v>22.9</v>
      </c>
      <c r="CC34" s="28">
        <v>22.9</v>
      </c>
      <c r="CD34" s="24">
        <v>98200</v>
      </c>
      <c r="CE34" s="25">
        <v>98554</v>
      </c>
      <c r="CF34" s="25">
        <v>23153</v>
      </c>
      <c r="CG34" s="25">
        <v>23188</v>
      </c>
      <c r="CH34" s="34">
        <v>23.6</v>
      </c>
      <c r="CI34" s="26">
        <v>23.5</v>
      </c>
      <c r="CJ34" s="27">
        <v>98488</v>
      </c>
      <c r="CK34" s="25">
        <v>98869</v>
      </c>
      <c r="CL34" s="25">
        <v>23797</v>
      </c>
      <c r="CM34" s="25">
        <v>23830</v>
      </c>
      <c r="CN34" s="34">
        <v>24.2</v>
      </c>
      <c r="CO34" s="28">
        <v>24.1</v>
      </c>
      <c r="CP34" s="24">
        <v>98905</v>
      </c>
      <c r="CQ34" s="25">
        <v>99368</v>
      </c>
      <c r="CR34" s="25">
        <v>24296</v>
      </c>
      <c r="CS34" s="25">
        <v>24333</v>
      </c>
      <c r="CT34" s="34">
        <v>24.6</v>
      </c>
      <c r="CU34" s="36">
        <v>24.5</v>
      </c>
      <c r="CV34" s="24">
        <v>99745</v>
      </c>
      <c r="CW34" s="25">
        <v>100229</v>
      </c>
      <c r="CX34" s="25">
        <v>24739</v>
      </c>
      <c r="CY34" s="25">
        <v>24780</v>
      </c>
      <c r="CZ34" s="34">
        <f t="shared" si="0"/>
        <v>24.8</v>
      </c>
      <c r="DA34" s="36">
        <f t="shared" si="1"/>
        <v>24.7</v>
      </c>
      <c r="DB34" s="24">
        <v>100199</v>
      </c>
      <c r="DC34" s="25">
        <v>100716</v>
      </c>
      <c r="DD34" s="25">
        <v>25066</v>
      </c>
      <c r="DE34" s="25">
        <v>25108</v>
      </c>
      <c r="DF34" s="34">
        <v>25</v>
      </c>
      <c r="DG34" s="36">
        <v>24.9</v>
      </c>
      <c r="DH34" s="24">
        <v>100227</v>
      </c>
      <c r="DI34" s="25">
        <v>100717</v>
      </c>
      <c r="DJ34" s="25">
        <v>25336</v>
      </c>
      <c r="DK34" s="25">
        <v>25379</v>
      </c>
      <c r="DL34" s="34">
        <f t="shared" si="2"/>
        <v>25.278617538188314</v>
      </c>
      <c r="DM34" s="36">
        <f t="shared" si="3"/>
        <v>25.198327988323722</v>
      </c>
      <c r="DN34" s="24">
        <v>100261</v>
      </c>
      <c r="DO34" s="25">
        <v>100841</v>
      </c>
      <c r="DP34" s="25">
        <v>25449</v>
      </c>
      <c r="DQ34" s="25">
        <v>25495</v>
      </c>
      <c r="DR34" s="34">
        <f t="shared" si="4"/>
        <v>25.382751019838224</v>
      </c>
      <c r="DS34" s="36">
        <f t="shared" si="5"/>
        <v>25.282375224363108</v>
      </c>
    </row>
    <row r="35" spans="1:123" x14ac:dyDescent="0.2">
      <c r="A35" s="76"/>
      <c r="B35" s="174"/>
      <c r="C35" s="122" t="s">
        <v>63</v>
      </c>
      <c r="D35" s="40">
        <v>100612</v>
      </c>
      <c r="E35" s="38">
        <v>12711</v>
      </c>
      <c r="F35" s="39">
        <v>12.6</v>
      </c>
      <c r="G35" s="40">
        <v>101165</v>
      </c>
      <c r="H35" s="38">
        <v>13560</v>
      </c>
      <c r="I35" s="41">
        <v>13.4</v>
      </c>
      <c r="J35" s="37">
        <v>101831</v>
      </c>
      <c r="K35" s="38">
        <v>14326</v>
      </c>
      <c r="L35" s="39">
        <v>14.1</v>
      </c>
      <c r="M35" s="40">
        <v>102832</v>
      </c>
      <c r="N35" s="38">
        <v>15197</v>
      </c>
      <c r="O35" s="41">
        <v>14.8</v>
      </c>
      <c r="P35" s="37">
        <v>103690</v>
      </c>
      <c r="Q35" s="38">
        <v>15914</v>
      </c>
      <c r="R35" s="39">
        <v>15.3</v>
      </c>
      <c r="S35" s="40">
        <v>104372</v>
      </c>
      <c r="T35" s="38">
        <v>16731</v>
      </c>
      <c r="U35" s="67">
        <v>16</v>
      </c>
      <c r="V35" s="37">
        <v>105387</v>
      </c>
      <c r="W35" s="38">
        <v>17694</v>
      </c>
      <c r="X35" s="68">
        <v>16.8</v>
      </c>
      <c r="Y35" s="40">
        <v>106389</v>
      </c>
      <c r="Z35" s="38">
        <v>18458</v>
      </c>
      <c r="AA35" s="67">
        <v>17.3</v>
      </c>
      <c r="AB35" s="37">
        <v>106948</v>
      </c>
      <c r="AC35" s="38">
        <v>19379</v>
      </c>
      <c r="AD35" s="68">
        <v>18.100000000000001</v>
      </c>
      <c r="AE35" s="40">
        <v>107692</v>
      </c>
      <c r="AF35" s="38">
        <v>20145</v>
      </c>
      <c r="AG35" s="67">
        <v>18.7</v>
      </c>
      <c r="AH35" s="37">
        <v>108725</v>
      </c>
      <c r="AI35" s="38">
        <v>20971</v>
      </c>
      <c r="AJ35" s="68">
        <v>19.3</v>
      </c>
      <c r="AK35" s="40">
        <v>110042</v>
      </c>
      <c r="AL35" s="38">
        <v>21900</v>
      </c>
      <c r="AM35" s="67">
        <v>19.899999999999999</v>
      </c>
      <c r="AN35" s="37">
        <v>110657</v>
      </c>
      <c r="AO35" s="38">
        <v>22951</v>
      </c>
      <c r="AP35" s="68">
        <v>20.7</v>
      </c>
      <c r="AQ35" s="40">
        <v>111177</v>
      </c>
      <c r="AR35" s="38">
        <v>23870</v>
      </c>
      <c r="AS35" s="67">
        <v>21.5</v>
      </c>
      <c r="AT35" s="37">
        <v>111505</v>
      </c>
      <c r="AU35" s="38">
        <v>24802</v>
      </c>
      <c r="AV35" s="68">
        <v>22.2</v>
      </c>
      <c r="AW35" s="40">
        <v>111856</v>
      </c>
      <c r="AX35" s="38">
        <v>25617</v>
      </c>
      <c r="AY35" s="41">
        <v>22.9</v>
      </c>
      <c r="AZ35" s="37">
        <v>112213</v>
      </c>
      <c r="BA35" s="38">
        <v>26271</v>
      </c>
      <c r="BB35" s="68">
        <v>23.4</v>
      </c>
      <c r="BC35" s="40">
        <v>112422</v>
      </c>
      <c r="BD35" s="38">
        <v>27230</v>
      </c>
      <c r="BE35" s="41">
        <v>24.2</v>
      </c>
      <c r="BF35" s="37">
        <v>112389</v>
      </c>
      <c r="BG35" s="38">
        <v>112659</v>
      </c>
      <c r="BH35" s="38">
        <v>28503</v>
      </c>
      <c r="BI35" s="38">
        <v>28524</v>
      </c>
      <c r="BJ35" s="69">
        <v>25.4</v>
      </c>
      <c r="BK35" s="39">
        <v>25.3</v>
      </c>
      <c r="BL35" s="40">
        <v>112996</v>
      </c>
      <c r="BM35" s="38">
        <v>113273</v>
      </c>
      <c r="BN35" s="38">
        <v>29394</v>
      </c>
      <c r="BO35" s="38">
        <v>29415</v>
      </c>
      <c r="BP35" s="47">
        <v>26</v>
      </c>
      <c r="BQ35" s="67">
        <v>26</v>
      </c>
      <c r="BR35" s="37">
        <v>113578</v>
      </c>
      <c r="BS35" s="38">
        <v>113854</v>
      </c>
      <c r="BT35" s="38">
        <v>30798</v>
      </c>
      <c r="BU35" s="38">
        <v>30821</v>
      </c>
      <c r="BV35" s="47">
        <v>27.1</v>
      </c>
      <c r="BW35" s="39">
        <v>27.1</v>
      </c>
      <c r="BX35" s="70">
        <v>113828</v>
      </c>
      <c r="BY35" s="38">
        <v>114118</v>
      </c>
      <c r="BZ35" s="74">
        <v>31926</v>
      </c>
      <c r="CA35" s="38">
        <v>31951</v>
      </c>
      <c r="CB35" s="47">
        <v>28</v>
      </c>
      <c r="CC35" s="41">
        <v>28</v>
      </c>
      <c r="CD35" s="37">
        <v>114347</v>
      </c>
      <c r="CE35" s="38">
        <v>114693</v>
      </c>
      <c r="CF35" s="38">
        <v>32820</v>
      </c>
      <c r="CG35" s="38">
        <v>32845</v>
      </c>
      <c r="CH35" s="47">
        <v>28.7</v>
      </c>
      <c r="CI35" s="39">
        <v>28.6</v>
      </c>
      <c r="CJ35" s="40">
        <v>114780</v>
      </c>
      <c r="CK35" s="38">
        <v>115180</v>
      </c>
      <c r="CL35" s="38">
        <v>33745</v>
      </c>
      <c r="CM35" s="38">
        <v>33771</v>
      </c>
      <c r="CN35" s="47">
        <v>29.4</v>
      </c>
      <c r="CO35" s="41">
        <v>29.3</v>
      </c>
      <c r="CP35" s="37">
        <v>115362</v>
      </c>
      <c r="CQ35" s="38">
        <v>115863</v>
      </c>
      <c r="CR35" s="38">
        <v>34559</v>
      </c>
      <c r="CS35" s="38">
        <v>34585</v>
      </c>
      <c r="CT35" s="47">
        <v>30</v>
      </c>
      <c r="CU35" s="49">
        <v>29.8</v>
      </c>
      <c r="CV35" s="37">
        <v>116226</v>
      </c>
      <c r="CW35" s="38">
        <v>116764</v>
      </c>
      <c r="CX35" s="38">
        <v>35219</v>
      </c>
      <c r="CY35" s="38">
        <v>35246</v>
      </c>
      <c r="CZ35" s="47">
        <f t="shared" si="0"/>
        <v>30.3</v>
      </c>
      <c r="DA35" s="49">
        <f t="shared" si="1"/>
        <v>30.2</v>
      </c>
      <c r="DB35" s="37">
        <v>116879</v>
      </c>
      <c r="DC35" s="38">
        <v>117412</v>
      </c>
      <c r="DD35" s="38">
        <v>35743</v>
      </c>
      <c r="DE35" s="38">
        <v>35773</v>
      </c>
      <c r="DF35" s="47">
        <v>30.6</v>
      </c>
      <c r="DG35" s="49">
        <v>30.5</v>
      </c>
      <c r="DH35" s="37">
        <v>117037</v>
      </c>
      <c r="DI35" s="38">
        <v>117528</v>
      </c>
      <c r="DJ35" s="38">
        <v>35995</v>
      </c>
      <c r="DK35" s="38">
        <v>36031</v>
      </c>
      <c r="DL35" s="47">
        <f t="shared" si="2"/>
        <v>30.755231251655456</v>
      </c>
      <c r="DM35" s="23">
        <f t="shared" si="3"/>
        <v>30.657375263766934</v>
      </c>
      <c r="DN35" s="37">
        <v>117070</v>
      </c>
      <c r="DO35" s="38">
        <v>117614</v>
      </c>
      <c r="DP35" s="38">
        <v>36166</v>
      </c>
      <c r="DQ35" s="38">
        <v>36206</v>
      </c>
      <c r="DR35" s="47">
        <f t="shared" si="4"/>
        <v>30.892628342017598</v>
      </c>
      <c r="DS35" s="23">
        <f t="shared" si="5"/>
        <v>30.783750233815706</v>
      </c>
    </row>
    <row r="36" spans="1:123" x14ac:dyDescent="0.2">
      <c r="A36" s="76"/>
      <c r="B36" s="179" t="s">
        <v>22</v>
      </c>
      <c r="C36" s="121" t="s">
        <v>61</v>
      </c>
      <c r="D36" s="53">
        <v>122451</v>
      </c>
      <c r="E36" s="51">
        <v>11571</v>
      </c>
      <c r="F36" s="52">
        <v>9.4</v>
      </c>
      <c r="G36" s="53">
        <v>124101</v>
      </c>
      <c r="H36" s="51">
        <v>12546</v>
      </c>
      <c r="I36" s="54">
        <v>10.1</v>
      </c>
      <c r="J36" s="50">
        <v>124954</v>
      </c>
      <c r="K36" s="51">
        <v>13556</v>
      </c>
      <c r="L36" s="52">
        <v>10.8</v>
      </c>
      <c r="M36" s="53">
        <v>125378</v>
      </c>
      <c r="N36" s="51">
        <v>14529</v>
      </c>
      <c r="O36" s="54">
        <v>11.6</v>
      </c>
      <c r="P36" s="50">
        <v>126526</v>
      </c>
      <c r="Q36" s="51">
        <v>15533</v>
      </c>
      <c r="R36" s="52">
        <v>12.3</v>
      </c>
      <c r="S36" s="53">
        <v>127081</v>
      </c>
      <c r="T36" s="51">
        <v>16447</v>
      </c>
      <c r="U36" s="58">
        <v>12.9</v>
      </c>
      <c r="V36" s="50">
        <v>127810</v>
      </c>
      <c r="W36" s="51">
        <v>17475</v>
      </c>
      <c r="X36" s="55">
        <v>13.7</v>
      </c>
      <c r="Y36" s="53">
        <v>128808</v>
      </c>
      <c r="Z36" s="51">
        <v>18615</v>
      </c>
      <c r="AA36" s="58">
        <v>14.5</v>
      </c>
      <c r="AB36" s="50">
        <v>129440</v>
      </c>
      <c r="AC36" s="51">
        <v>19631</v>
      </c>
      <c r="AD36" s="55">
        <v>15.2</v>
      </c>
      <c r="AE36" s="53">
        <v>129827</v>
      </c>
      <c r="AF36" s="51">
        <v>20569</v>
      </c>
      <c r="AG36" s="58">
        <v>15.8</v>
      </c>
      <c r="AH36" s="50">
        <v>129848</v>
      </c>
      <c r="AI36" s="51">
        <v>21546</v>
      </c>
      <c r="AJ36" s="55">
        <v>16.600000000000001</v>
      </c>
      <c r="AK36" s="53">
        <v>130019</v>
      </c>
      <c r="AL36" s="51">
        <v>22675</v>
      </c>
      <c r="AM36" s="58">
        <v>17.399999999999999</v>
      </c>
      <c r="AN36" s="50">
        <v>129872</v>
      </c>
      <c r="AO36" s="51">
        <v>23837</v>
      </c>
      <c r="AP36" s="55">
        <v>18.399999999999999</v>
      </c>
      <c r="AQ36" s="53">
        <v>129731</v>
      </c>
      <c r="AR36" s="51">
        <v>24899</v>
      </c>
      <c r="AS36" s="58">
        <v>19.2</v>
      </c>
      <c r="AT36" s="50">
        <v>129604</v>
      </c>
      <c r="AU36" s="51">
        <v>26165</v>
      </c>
      <c r="AV36" s="55">
        <v>20.2</v>
      </c>
      <c r="AW36" s="53">
        <v>129572</v>
      </c>
      <c r="AX36" s="51">
        <v>27163</v>
      </c>
      <c r="AY36" s="54">
        <v>21</v>
      </c>
      <c r="AZ36" s="50">
        <v>129490</v>
      </c>
      <c r="BA36" s="51">
        <v>27974</v>
      </c>
      <c r="BB36" s="55">
        <v>21.6</v>
      </c>
      <c r="BC36" s="53">
        <v>129521</v>
      </c>
      <c r="BD36" s="51">
        <v>29285</v>
      </c>
      <c r="BE36" s="54">
        <v>22.6</v>
      </c>
      <c r="BF36" s="50">
        <v>129416</v>
      </c>
      <c r="BG36" s="51">
        <v>129889</v>
      </c>
      <c r="BH36" s="51">
        <v>30836</v>
      </c>
      <c r="BI36" s="51">
        <v>30886</v>
      </c>
      <c r="BJ36" s="56">
        <v>23.8</v>
      </c>
      <c r="BK36" s="52">
        <v>23.8</v>
      </c>
      <c r="BL36" s="53">
        <v>129517</v>
      </c>
      <c r="BM36" s="51">
        <v>129979</v>
      </c>
      <c r="BN36" s="51">
        <v>32090</v>
      </c>
      <c r="BO36" s="51">
        <v>32144</v>
      </c>
      <c r="BP36" s="57">
        <v>24.8</v>
      </c>
      <c r="BQ36" s="58">
        <v>24.7</v>
      </c>
      <c r="BR36" s="50">
        <v>129058</v>
      </c>
      <c r="BS36" s="51">
        <v>129494</v>
      </c>
      <c r="BT36" s="51">
        <v>33877</v>
      </c>
      <c r="BU36" s="51">
        <v>33929</v>
      </c>
      <c r="BV36" s="57">
        <v>26.2</v>
      </c>
      <c r="BW36" s="52">
        <v>26.2</v>
      </c>
      <c r="BX36" s="59">
        <v>128665</v>
      </c>
      <c r="BY36" s="51">
        <v>129131</v>
      </c>
      <c r="BZ36" s="72">
        <v>35450</v>
      </c>
      <c r="CA36" s="51">
        <v>35509</v>
      </c>
      <c r="CB36" s="57">
        <v>27.6</v>
      </c>
      <c r="CC36" s="54">
        <v>27.5</v>
      </c>
      <c r="CD36" s="50">
        <v>127625</v>
      </c>
      <c r="CE36" s="51">
        <v>128198</v>
      </c>
      <c r="CF36" s="51">
        <v>36679</v>
      </c>
      <c r="CG36" s="51">
        <v>36739</v>
      </c>
      <c r="CH36" s="57">
        <v>28.7</v>
      </c>
      <c r="CI36" s="52">
        <v>28.7</v>
      </c>
      <c r="CJ36" s="53">
        <v>127174</v>
      </c>
      <c r="CK36" s="51">
        <v>127788</v>
      </c>
      <c r="CL36" s="51">
        <v>37772</v>
      </c>
      <c r="CM36" s="51">
        <v>37841</v>
      </c>
      <c r="CN36" s="57">
        <v>29.7</v>
      </c>
      <c r="CO36" s="54">
        <v>29.6</v>
      </c>
      <c r="CP36" s="50">
        <v>126997</v>
      </c>
      <c r="CQ36" s="51">
        <v>127648</v>
      </c>
      <c r="CR36" s="51">
        <v>38855</v>
      </c>
      <c r="CS36" s="51">
        <v>38925</v>
      </c>
      <c r="CT36" s="57">
        <v>30.6</v>
      </c>
      <c r="CU36" s="61">
        <v>30.5</v>
      </c>
      <c r="CV36" s="50">
        <v>126510</v>
      </c>
      <c r="CW36" s="51">
        <v>127242</v>
      </c>
      <c r="CX36" s="51">
        <v>39844</v>
      </c>
      <c r="CY36" s="51">
        <v>39914</v>
      </c>
      <c r="CZ36" s="21">
        <f t="shared" si="0"/>
        <v>31.5</v>
      </c>
      <c r="DA36" s="23">
        <f t="shared" si="1"/>
        <v>31.4</v>
      </c>
      <c r="DB36" s="50">
        <v>125539</v>
      </c>
      <c r="DC36" s="51">
        <v>126274</v>
      </c>
      <c r="DD36" s="51">
        <v>40596</v>
      </c>
      <c r="DE36" s="51">
        <v>40669</v>
      </c>
      <c r="DF36" s="21">
        <v>32.299999999999997</v>
      </c>
      <c r="DG36" s="23">
        <v>32.200000000000003</v>
      </c>
      <c r="DH36" s="50">
        <v>124961</v>
      </c>
      <c r="DI36" s="51">
        <v>125687</v>
      </c>
      <c r="DJ36" s="51">
        <v>41129</v>
      </c>
      <c r="DK36" s="51">
        <v>41197</v>
      </c>
      <c r="DL36" s="21">
        <f t="shared" si="2"/>
        <v>32.913469002328725</v>
      </c>
      <c r="DM36" s="61">
        <f t="shared" si="3"/>
        <v>32.777455106733392</v>
      </c>
      <c r="DN36" s="50">
        <v>123837</v>
      </c>
      <c r="DO36" s="51">
        <v>124667</v>
      </c>
      <c r="DP36" s="51">
        <v>41576</v>
      </c>
      <c r="DQ36" s="51">
        <v>41646</v>
      </c>
      <c r="DR36" s="21">
        <f t="shared" si="4"/>
        <v>33.573164724597653</v>
      </c>
      <c r="DS36" s="61">
        <f t="shared" si="5"/>
        <v>33.405793032638947</v>
      </c>
    </row>
    <row r="37" spans="1:123" x14ac:dyDescent="0.2">
      <c r="A37" s="76"/>
      <c r="B37" s="172"/>
      <c r="C37" s="123" t="s">
        <v>62</v>
      </c>
      <c r="D37" s="27">
        <v>58413</v>
      </c>
      <c r="E37" s="25">
        <v>4957</v>
      </c>
      <c r="F37" s="26">
        <v>8.5</v>
      </c>
      <c r="G37" s="27">
        <v>59206</v>
      </c>
      <c r="H37" s="25">
        <v>5403</v>
      </c>
      <c r="I37" s="28">
        <v>9.1</v>
      </c>
      <c r="J37" s="24">
        <v>59519</v>
      </c>
      <c r="K37" s="25">
        <v>5867</v>
      </c>
      <c r="L37" s="26">
        <v>9.9</v>
      </c>
      <c r="M37" s="27">
        <v>59558</v>
      </c>
      <c r="N37" s="25">
        <v>6280</v>
      </c>
      <c r="O37" s="28">
        <v>10.5</v>
      </c>
      <c r="P37" s="24">
        <v>59978</v>
      </c>
      <c r="Q37" s="25">
        <v>6700</v>
      </c>
      <c r="R37" s="26">
        <v>11.2</v>
      </c>
      <c r="S37" s="27">
        <v>60166</v>
      </c>
      <c r="T37" s="25">
        <v>7110</v>
      </c>
      <c r="U37" s="62">
        <v>11.8</v>
      </c>
      <c r="V37" s="24">
        <v>60420</v>
      </c>
      <c r="W37" s="25">
        <v>7544</v>
      </c>
      <c r="X37" s="63">
        <v>12.5</v>
      </c>
      <c r="Y37" s="27">
        <v>60775</v>
      </c>
      <c r="Z37" s="25">
        <v>8010</v>
      </c>
      <c r="AA37" s="62">
        <v>13.2</v>
      </c>
      <c r="AB37" s="24">
        <v>60985</v>
      </c>
      <c r="AC37" s="25">
        <v>8447</v>
      </c>
      <c r="AD37" s="63">
        <v>13.9</v>
      </c>
      <c r="AE37" s="27">
        <v>61049</v>
      </c>
      <c r="AF37" s="25">
        <v>8852</v>
      </c>
      <c r="AG37" s="62">
        <v>14.5</v>
      </c>
      <c r="AH37" s="24">
        <v>60942</v>
      </c>
      <c r="AI37" s="25">
        <v>9249</v>
      </c>
      <c r="AJ37" s="63">
        <v>15.2</v>
      </c>
      <c r="AK37" s="27">
        <v>60894</v>
      </c>
      <c r="AL37" s="25">
        <v>9655</v>
      </c>
      <c r="AM37" s="62">
        <v>15.9</v>
      </c>
      <c r="AN37" s="24">
        <v>60737</v>
      </c>
      <c r="AO37" s="25">
        <v>10158</v>
      </c>
      <c r="AP37" s="63">
        <v>16.7</v>
      </c>
      <c r="AQ37" s="27">
        <v>60602</v>
      </c>
      <c r="AR37" s="25">
        <v>10619</v>
      </c>
      <c r="AS37" s="62">
        <v>17.5</v>
      </c>
      <c r="AT37" s="24">
        <v>60438</v>
      </c>
      <c r="AU37" s="25">
        <v>11172</v>
      </c>
      <c r="AV37" s="63">
        <v>18.5</v>
      </c>
      <c r="AW37" s="27">
        <v>60200</v>
      </c>
      <c r="AX37" s="25">
        <v>11554</v>
      </c>
      <c r="AY37" s="28">
        <v>19.2</v>
      </c>
      <c r="AZ37" s="24">
        <v>60002</v>
      </c>
      <c r="BA37" s="25">
        <v>11841</v>
      </c>
      <c r="BB37" s="63">
        <v>19.7</v>
      </c>
      <c r="BC37" s="27">
        <v>59895</v>
      </c>
      <c r="BD37" s="25">
        <v>12376</v>
      </c>
      <c r="BE37" s="28">
        <v>20.7</v>
      </c>
      <c r="BF37" s="24">
        <v>59725</v>
      </c>
      <c r="BG37" s="25">
        <v>59959</v>
      </c>
      <c r="BH37" s="25">
        <v>13009</v>
      </c>
      <c r="BI37" s="25">
        <v>13036</v>
      </c>
      <c r="BJ37" s="64">
        <v>21.8</v>
      </c>
      <c r="BK37" s="26">
        <v>21.7</v>
      </c>
      <c r="BL37" s="27">
        <v>59751</v>
      </c>
      <c r="BM37" s="25">
        <v>59967</v>
      </c>
      <c r="BN37" s="25">
        <v>13512</v>
      </c>
      <c r="BO37" s="25">
        <v>13541</v>
      </c>
      <c r="BP37" s="34">
        <v>22.6</v>
      </c>
      <c r="BQ37" s="62">
        <v>22.6</v>
      </c>
      <c r="BR37" s="24">
        <v>59469</v>
      </c>
      <c r="BS37" s="25">
        <v>59681</v>
      </c>
      <c r="BT37" s="25">
        <v>14246</v>
      </c>
      <c r="BU37" s="25">
        <v>14273</v>
      </c>
      <c r="BV37" s="34">
        <v>24</v>
      </c>
      <c r="BW37" s="26">
        <v>23.9</v>
      </c>
      <c r="BX37" s="65">
        <v>59247</v>
      </c>
      <c r="BY37" s="25">
        <v>59476</v>
      </c>
      <c r="BZ37" s="73">
        <v>14892</v>
      </c>
      <c r="CA37" s="25">
        <v>14922</v>
      </c>
      <c r="CB37" s="34">
        <v>25.1</v>
      </c>
      <c r="CC37" s="28">
        <v>25.1</v>
      </c>
      <c r="CD37" s="24">
        <v>58753</v>
      </c>
      <c r="CE37" s="25">
        <v>59046</v>
      </c>
      <c r="CF37" s="25">
        <v>15381</v>
      </c>
      <c r="CG37" s="25">
        <v>15413</v>
      </c>
      <c r="CH37" s="34">
        <v>26.2</v>
      </c>
      <c r="CI37" s="26">
        <v>26.1</v>
      </c>
      <c r="CJ37" s="27">
        <v>58367</v>
      </c>
      <c r="CK37" s="25">
        <v>58671</v>
      </c>
      <c r="CL37" s="25">
        <v>15817</v>
      </c>
      <c r="CM37" s="25">
        <v>15856</v>
      </c>
      <c r="CN37" s="34">
        <v>27.1</v>
      </c>
      <c r="CO37" s="28">
        <v>27</v>
      </c>
      <c r="CP37" s="24">
        <v>58260</v>
      </c>
      <c r="CQ37" s="25">
        <v>58566</v>
      </c>
      <c r="CR37" s="25">
        <v>16340</v>
      </c>
      <c r="CS37" s="25">
        <v>16378</v>
      </c>
      <c r="CT37" s="34">
        <v>28</v>
      </c>
      <c r="CU37" s="36">
        <v>28</v>
      </c>
      <c r="CV37" s="24">
        <v>58027</v>
      </c>
      <c r="CW37" s="25">
        <v>58349</v>
      </c>
      <c r="CX37" s="25">
        <v>16745</v>
      </c>
      <c r="CY37" s="25">
        <v>16785</v>
      </c>
      <c r="CZ37" s="34">
        <f t="shared" si="0"/>
        <v>28.9</v>
      </c>
      <c r="DA37" s="36">
        <f t="shared" si="1"/>
        <v>28.8</v>
      </c>
      <c r="DB37" s="24">
        <v>57521</v>
      </c>
      <c r="DC37" s="25">
        <v>57834</v>
      </c>
      <c r="DD37" s="25">
        <v>17031</v>
      </c>
      <c r="DE37" s="25">
        <v>17072</v>
      </c>
      <c r="DF37" s="34">
        <v>29.6</v>
      </c>
      <c r="DG37" s="36">
        <v>29.5</v>
      </c>
      <c r="DH37" s="24">
        <v>57221</v>
      </c>
      <c r="DI37" s="25">
        <v>57534</v>
      </c>
      <c r="DJ37" s="25">
        <v>17210</v>
      </c>
      <c r="DK37" s="25">
        <v>17248</v>
      </c>
      <c r="DL37" s="34">
        <f t="shared" si="2"/>
        <v>30.076370563254752</v>
      </c>
      <c r="DM37" s="36">
        <f t="shared" si="3"/>
        <v>29.978795147217298</v>
      </c>
      <c r="DN37" s="24">
        <v>56671</v>
      </c>
      <c r="DO37" s="25">
        <v>57040</v>
      </c>
      <c r="DP37" s="25">
        <v>17348</v>
      </c>
      <c r="DQ37" s="25">
        <v>17385</v>
      </c>
      <c r="DR37" s="34">
        <f t="shared" si="4"/>
        <v>30.611776746484093</v>
      </c>
      <c r="DS37" s="36">
        <f t="shared" si="5"/>
        <v>30.478611500701263</v>
      </c>
    </row>
    <row r="38" spans="1:123" x14ac:dyDescent="0.2">
      <c r="A38" s="76"/>
      <c r="B38" s="174"/>
      <c r="C38" s="122" t="s">
        <v>63</v>
      </c>
      <c r="D38" s="40">
        <v>64038</v>
      </c>
      <c r="E38" s="38">
        <v>6614</v>
      </c>
      <c r="F38" s="39">
        <v>10.3</v>
      </c>
      <c r="G38" s="40">
        <v>64895</v>
      </c>
      <c r="H38" s="38">
        <v>7143</v>
      </c>
      <c r="I38" s="41">
        <v>11</v>
      </c>
      <c r="J38" s="37">
        <v>65435</v>
      </c>
      <c r="K38" s="38">
        <v>7689</v>
      </c>
      <c r="L38" s="39">
        <v>11.8</v>
      </c>
      <c r="M38" s="40">
        <v>65820</v>
      </c>
      <c r="N38" s="38">
        <v>8249</v>
      </c>
      <c r="O38" s="41">
        <v>12.5</v>
      </c>
      <c r="P38" s="37">
        <v>66548</v>
      </c>
      <c r="Q38" s="38">
        <v>8833</v>
      </c>
      <c r="R38" s="39">
        <v>13.3</v>
      </c>
      <c r="S38" s="40">
        <v>66915</v>
      </c>
      <c r="T38" s="38">
        <v>9337</v>
      </c>
      <c r="U38" s="67">
        <v>14</v>
      </c>
      <c r="V38" s="37">
        <v>67390</v>
      </c>
      <c r="W38" s="38">
        <v>9931</v>
      </c>
      <c r="X38" s="68">
        <v>14.7</v>
      </c>
      <c r="Y38" s="40">
        <v>68033</v>
      </c>
      <c r="Z38" s="38">
        <v>10605</v>
      </c>
      <c r="AA38" s="67">
        <v>15.6</v>
      </c>
      <c r="AB38" s="37">
        <v>68455</v>
      </c>
      <c r="AC38" s="38">
        <v>11184</v>
      </c>
      <c r="AD38" s="68">
        <v>16.3</v>
      </c>
      <c r="AE38" s="40">
        <v>68778</v>
      </c>
      <c r="AF38" s="38">
        <v>11717</v>
      </c>
      <c r="AG38" s="67">
        <v>17</v>
      </c>
      <c r="AH38" s="37">
        <v>68906</v>
      </c>
      <c r="AI38" s="38">
        <v>12297</v>
      </c>
      <c r="AJ38" s="68">
        <v>17.8</v>
      </c>
      <c r="AK38" s="40">
        <v>69125</v>
      </c>
      <c r="AL38" s="38">
        <v>13020</v>
      </c>
      <c r="AM38" s="67">
        <v>18.8</v>
      </c>
      <c r="AN38" s="37">
        <v>69135</v>
      </c>
      <c r="AO38" s="38">
        <v>13679</v>
      </c>
      <c r="AP38" s="68">
        <v>19.8</v>
      </c>
      <c r="AQ38" s="40">
        <v>69129</v>
      </c>
      <c r="AR38" s="38">
        <v>14280</v>
      </c>
      <c r="AS38" s="67">
        <v>20.7</v>
      </c>
      <c r="AT38" s="37">
        <v>69166</v>
      </c>
      <c r="AU38" s="38">
        <v>14993</v>
      </c>
      <c r="AV38" s="68">
        <v>21.7</v>
      </c>
      <c r="AW38" s="40">
        <v>69372</v>
      </c>
      <c r="AX38" s="38">
        <v>15609</v>
      </c>
      <c r="AY38" s="41">
        <v>22.5</v>
      </c>
      <c r="AZ38" s="37">
        <v>69488</v>
      </c>
      <c r="BA38" s="38">
        <v>16133</v>
      </c>
      <c r="BB38" s="68">
        <v>23.2</v>
      </c>
      <c r="BC38" s="40">
        <v>69626</v>
      </c>
      <c r="BD38" s="38">
        <v>16909</v>
      </c>
      <c r="BE38" s="41">
        <v>24.3</v>
      </c>
      <c r="BF38" s="37">
        <v>69691</v>
      </c>
      <c r="BG38" s="38">
        <v>69930</v>
      </c>
      <c r="BH38" s="38">
        <v>17827</v>
      </c>
      <c r="BI38" s="38">
        <v>17850</v>
      </c>
      <c r="BJ38" s="69">
        <v>25.6</v>
      </c>
      <c r="BK38" s="39">
        <v>25.5</v>
      </c>
      <c r="BL38" s="40">
        <v>69766</v>
      </c>
      <c r="BM38" s="38">
        <v>70012</v>
      </c>
      <c r="BN38" s="38">
        <v>18578</v>
      </c>
      <c r="BO38" s="38">
        <v>18603</v>
      </c>
      <c r="BP38" s="47">
        <v>26.6</v>
      </c>
      <c r="BQ38" s="67">
        <v>26.6</v>
      </c>
      <c r="BR38" s="37">
        <v>69589</v>
      </c>
      <c r="BS38" s="38">
        <v>69813</v>
      </c>
      <c r="BT38" s="38">
        <v>19631</v>
      </c>
      <c r="BU38" s="38">
        <v>19656</v>
      </c>
      <c r="BV38" s="47">
        <v>28.2</v>
      </c>
      <c r="BW38" s="39">
        <v>28.2</v>
      </c>
      <c r="BX38" s="70">
        <v>69418</v>
      </c>
      <c r="BY38" s="38">
        <v>69655</v>
      </c>
      <c r="BZ38" s="74">
        <v>20558</v>
      </c>
      <c r="CA38" s="38">
        <v>20587</v>
      </c>
      <c r="CB38" s="47">
        <v>29.6</v>
      </c>
      <c r="CC38" s="41">
        <v>29.6</v>
      </c>
      <c r="CD38" s="37">
        <v>68872</v>
      </c>
      <c r="CE38" s="38">
        <v>69152</v>
      </c>
      <c r="CF38" s="38">
        <v>21298</v>
      </c>
      <c r="CG38" s="38">
        <v>21326</v>
      </c>
      <c r="CH38" s="47">
        <v>30.9</v>
      </c>
      <c r="CI38" s="39">
        <v>30.8</v>
      </c>
      <c r="CJ38" s="40">
        <v>68807</v>
      </c>
      <c r="CK38" s="38">
        <v>69117</v>
      </c>
      <c r="CL38" s="38">
        <v>21955</v>
      </c>
      <c r="CM38" s="38">
        <v>21985</v>
      </c>
      <c r="CN38" s="47">
        <v>31.9</v>
      </c>
      <c r="CO38" s="41">
        <v>31.8</v>
      </c>
      <c r="CP38" s="37">
        <v>68737</v>
      </c>
      <c r="CQ38" s="38">
        <v>69082</v>
      </c>
      <c r="CR38" s="38">
        <v>22515</v>
      </c>
      <c r="CS38" s="38">
        <v>22547</v>
      </c>
      <c r="CT38" s="47">
        <v>32.799999999999997</v>
      </c>
      <c r="CU38" s="49">
        <v>32.6</v>
      </c>
      <c r="CV38" s="37">
        <v>68483</v>
      </c>
      <c r="CW38" s="38">
        <v>68893</v>
      </c>
      <c r="CX38" s="38">
        <v>23099</v>
      </c>
      <c r="CY38" s="38">
        <v>23129</v>
      </c>
      <c r="CZ38" s="47">
        <f t="shared" si="0"/>
        <v>33.700000000000003</v>
      </c>
      <c r="DA38" s="49">
        <f t="shared" si="1"/>
        <v>33.6</v>
      </c>
      <c r="DB38" s="37">
        <v>68018</v>
      </c>
      <c r="DC38" s="38">
        <v>68440</v>
      </c>
      <c r="DD38" s="38">
        <v>23565</v>
      </c>
      <c r="DE38" s="38">
        <v>23597</v>
      </c>
      <c r="DF38" s="47">
        <v>34.6</v>
      </c>
      <c r="DG38" s="49">
        <v>34.5</v>
      </c>
      <c r="DH38" s="37">
        <v>67740</v>
      </c>
      <c r="DI38" s="38">
        <v>68153</v>
      </c>
      <c r="DJ38" s="38">
        <v>23919</v>
      </c>
      <c r="DK38" s="38">
        <v>23949</v>
      </c>
      <c r="DL38" s="21">
        <f t="shared" si="2"/>
        <v>35.310008857395928</v>
      </c>
      <c r="DM38" s="49">
        <f t="shared" si="3"/>
        <v>35.140052528868871</v>
      </c>
      <c r="DN38" s="37">
        <v>67166</v>
      </c>
      <c r="DO38" s="38">
        <v>67627</v>
      </c>
      <c r="DP38" s="38">
        <v>24228</v>
      </c>
      <c r="DQ38" s="38">
        <v>24261</v>
      </c>
      <c r="DR38" s="21">
        <f t="shared" si="4"/>
        <v>36.071822052824345</v>
      </c>
      <c r="DS38" s="49">
        <f t="shared" si="5"/>
        <v>35.874724592248661</v>
      </c>
    </row>
    <row r="39" spans="1:123" x14ac:dyDescent="0.2">
      <c r="A39" s="76"/>
      <c r="B39" s="179" t="s">
        <v>23</v>
      </c>
      <c r="C39" s="121" t="s">
        <v>61</v>
      </c>
      <c r="D39" s="53">
        <v>128096</v>
      </c>
      <c r="E39" s="51">
        <v>13467</v>
      </c>
      <c r="F39" s="52">
        <v>10.5</v>
      </c>
      <c r="G39" s="53">
        <v>130365</v>
      </c>
      <c r="H39" s="51">
        <v>14569</v>
      </c>
      <c r="I39" s="54">
        <v>11.2</v>
      </c>
      <c r="J39" s="50">
        <v>132650</v>
      </c>
      <c r="K39" s="51">
        <v>15455</v>
      </c>
      <c r="L39" s="52">
        <v>11.7</v>
      </c>
      <c r="M39" s="53">
        <v>133383</v>
      </c>
      <c r="N39" s="51">
        <v>16327</v>
      </c>
      <c r="O39" s="54">
        <v>12.2</v>
      </c>
      <c r="P39" s="50">
        <v>134442</v>
      </c>
      <c r="Q39" s="51">
        <v>17068</v>
      </c>
      <c r="R39" s="52">
        <v>12.7</v>
      </c>
      <c r="S39" s="53">
        <v>135262</v>
      </c>
      <c r="T39" s="51">
        <v>17983</v>
      </c>
      <c r="U39" s="58">
        <v>13.3</v>
      </c>
      <c r="V39" s="50">
        <v>135803</v>
      </c>
      <c r="W39" s="51">
        <v>18963</v>
      </c>
      <c r="X39" s="55">
        <v>14</v>
      </c>
      <c r="Y39" s="53">
        <v>136322</v>
      </c>
      <c r="Z39" s="51">
        <v>19815</v>
      </c>
      <c r="AA39" s="58">
        <v>14.5</v>
      </c>
      <c r="AB39" s="50">
        <v>137173</v>
      </c>
      <c r="AC39" s="51">
        <v>20787</v>
      </c>
      <c r="AD39" s="55">
        <v>15.2</v>
      </c>
      <c r="AE39" s="53">
        <v>137420</v>
      </c>
      <c r="AF39" s="51">
        <v>21576</v>
      </c>
      <c r="AG39" s="58">
        <v>15.7</v>
      </c>
      <c r="AH39" s="50">
        <v>137196</v>
      </c>
      <c r="AI39" s="51">
        <v>22448</v>
      </c>
      <c r="AJ39" s="55">
        <v>16.399999999999999</v>
      </c>
      <c r="AK39" s="53">
        <v>137807</v>
      </c>
      <c r="AL39" s="51">
        <v>23593</v>
      </c>
      <c r="AM39" s="58">
        <v>17.100000000000001</v>
      </c>
      <c r="AN39" s="50">
        <v>138305</v>
      </c>
      <c r="AO39" s="51">
        <v>24846</v>
      </c>
      <c r="AP39" s="55">
        <v>18</v>
      </c>
      <c r="AQ39" s="53">
        <v>138556</v>
      </c>
      <c r="AR39" s="51">
        <v>26040</v>
      </c>
      <c r="AS39" s="58">
        <v>18.8</v>
      </c>
      <c r="AT39" s="50">
        <v>138794</v>
      </c>
      <c r="AU39" s="51">
        <v>27324</v>
      </c>
      <c r="AV39" s="55">
        <v>19.7</v>
      </c>
      <c r="AW39" s="53">
        <v>139494</v>
      </c>
      <c r="AX39" s="51">
        <v>28475</v>
      </c>
      <c r="AY39" s="54">
        <v>20.399999999999999</v>
      </c>
      <c r="AZ39" s="50">
        <v>140048</v>
      </c>
      <c r="BA39" s="51">
        <v>29468</v>
      </c>
      <c r="BB39" s="55">
        <v>21</v>
      </c>
      <c r="BC39" s="53">
        <v>140208</v>
      </c>
      <c r="BD39" s="51">
        <v>30924</v>
      </c>
      <c r="BE39" s="54">
        <v>22.1</v>
      </c>
      <c r="BF39" s="50">
        <v>140600</v>
      </c>
      <c r="BG39" s="51">
        <v>140866</v>
      </c>
      <c r="BH39" s="51">
        <v>32602</v>
      </c>
      <c r="BI39" s="51">
        <v>32630</v>
      </c>
      <c r="BJ39" s="56">
        <v>23.2</v>
      </c>
      <c r="BK39" s="52">
        <v>23.2</v>
      </c>
      <c r="BL39" s="53">
        <v>140922</v>
      </c>
      <c r="BM39" s="51">
        <v>141189</v>
      </c>
      <c r="BN39" s="51">
        <v>33917</v>
      </c>
      <c r="BO39" s="51">
        <v>33943</v>
      </c>
      <c r="BP39" s="57">
        <v>24.1</v>
      </c>
      <c r="BQ39" s="58">
        <v>24</v>
      </c>
      <c r="BR39" s="50">
        <v>141009</v>
      </c>
      <c r="BS39" s="51">
        <v>141284</v>
      </c>
      <c r="BT39" s="51">
        <v>36069</v>
      </c>
      <c r="BU39" s="51">
        <v>36096</v>
      </c>
      <c r="BV39" s="57">
        <v>25.6</v>
      </c>
      <c r="BW39" s="52">
        <v>25.5</v>
      </c>
      <c r="BX39" s="59">
        <v>140896</v>
      </c>
      <c r="BY39" s="51">
        <v>141198</v>
      </c>
      <c r="BZ39" s="72">
        <v>37881</v>
      </c>
      <c r="CA39" s="51">
        <v>37911</v>
      </c>
      <c r="CB39" s="57">
        <v>26.9</v>
      </c>
      <c r="CC39" s="54">
        <v>26.8</v>
      </c>
      <c r="CD39" s="50">
        <v>141162</v>
      </c>
      <c r="CE39" s="51">
        <v>141505</v>
      </c>
      <c r="CF39" s="51">
        <v>39517</v>
      </c>
      <c r="CG39" s="51">
        <v>39553</v>
      </c>
      <c r="CH39" s="57">
        <v>28</v>
      </c>
      <c r="CI39" s="52">
        <v>28</v>
      </c>
      <c r="CJ39" s="53">
        <v>141723</v>
      </c>
      <c r="CK39" s="51">
        <v>142108</v>
      </c>
      <c r="CL39" s="51">
        <v>41021</v>
      </c>
      <c r="CM39" s="51">
        <v>41059</v>
      </c>
      <c r="CN39" s="57">
        <v>28.9</v>
      </c>
      <c r="CO39" s="54">
        <v>28.9</v>
      </c>
      <c r="CP39" s="50">
        <v>141660</v>
      </c>
      <c r="CQ39" s="51">
        <v>142130</v>
      </c>
      <c r="CR39" s="51">
        <v>42227</v>
      </c>
      <c r="CS39" s="51">
        <v>42272</v>
      </c>
      <c r="CT39" s="57">
        <v>29.8</v>
      </c>
      <c r="CU39" s="61">
        <v>29.7</v>
      </c>
      <c r="CV39" s="50">
        <v>141413</v>
      </c>
      <c r="CW39" s="51">
        <v>141966</v>
      </c>
      <c r="CX39" s="51">
        <v>43314</v>
      </c>
      <c r="CY39" s="51">
        <v>43365</v>
      </c>
      <c r="CZ39" s="21">
        <f t="shared" si="0"/>
        <v>30.6</v>
      </c>
      <c r="DA39" s="23">
        <f t="shared" si="1"/>
        <v>30.5</v>
      </c>
      <c r="DB39" s="50">
        <v>141453</v>
      </c>
      <c r="DC39" s="51">
        <v>141974</v>
      </c>
      <c r="DD39" s="51">
        <v>44250</v>
      </c>
      <c r="DE39" s="51">
        <v>44303</v>
      </c>
      <c r="DF39" s="21">
        <v>31.3</v>
      </c>
      <c r="DG39" s="23">
        <v>31.2</v>
      </c>
      <c r="DH39" s="50">
        <v>141439</v>
      </c>
      <c r="DI39" s="51">
        <v>141958</v>
      </c>
      <c r="DJ39" s="51">
        <v>45148</v>
      </c>
      <c r="DK39" s="51">
        <v>45202</v>
      </c>
      <c r="DL39" s="57">
        <f t="shared" si="2"/>
        <v>31.920474550866452</v>
      </c>
      <c r="DM39" s="23">
        <f t="shared" si="3"/>
        <v>31.841812367038138</v>
      </c>
      <c r="DN39" s="50">
        <v>140680</v>
      </c>
      <c r="DO39" s="51">
        <v>141260</v>
      </c>
      <c r="DP39" s="51">
        <v>45588</v>
      </c>
      <c r="DQ39" s="51">
        <v>45641</v>
      </c>
      <c r="DR39" s="57">
        <f t="shared" si="4"/>
        <v>32.405459198180267</v>
      </c>
      <c r="DS39" s="23">
        <f t="shared" si="5"/>
        <v>32.309924961064702</v>
      </c>
    </row>
    <row r="40" spans="1:123" x14ac:dyDescent="0.2">
      <c r="A40" s="76"/>
      <c r="B40" s="172"/>
      <c r="C40" s="123" t="s">
        <v>62</v>
      </c>
      <c r="D40" s="27">
        <v>62345</v>
      </c>
      <c r="E40" s="25">
        <v>5757</v>
      </c>
      <c r="F40" s="26">
        <v>9.1999999999999993</v>
      </c>
      <c r="G40" s="27">
        <v>63305</v>
      </c>
      <c r="H40" s="25">
        <v>6166</v>
      </c>
      <c r="I40" s="28">
        <v>9.6999999999999993</v>
      </c>
      <c r="J40" s="24">
        <v>64331</v>
      </c>
      <c r="K40" s="25">
        <v>6505</v>
      </c>
      <c r="L40" s="26">
        <v>10.1</v>
      </c>
      <c r="M40" s="27">
        <v>64561</v>
      </c>
      <c r="N40" s="25">
        <v>6871</v>
      </c>
      <c r="O40" s="28">
        <v>10.6</v>
      </c>
      <c r="P40" s="24">
        <v>64943</v>
      </c>
      <c r="Q40" s="25">
        <v>7184</v>
      </c>
      <c r="R40" s="26">
        <v>11.1</v>
      </c>
      <c r="S40" s="27">
        <v>65180</v>
      </c>
      <c r="T40" s="25">
        <v>7595</v>
      </c>
      <c r="U40" s="62">
        <v>11.7</v>
      </c>
      <c r="V40" s="24">
        <v>65313</v>
      </c>
      <c r="W40" s="25">
        <v>7985</v>
      </c>
      <c r="X40" s="63">
        <v>12.2</v>
      </c>
      <c r="Y40" s="27">
        <v>65506</v>
      </c>
      <c r="Z40" s="25">
        <v>8367</v>
      </c>
      <c r="AA40" s="62">
        <v>12.8</v>
      </c>
      <c r="AB40" s="24">
        <v>65917</v>
      </c>
      <c r="AC40" s="25">
        <v>8772</v>
      </c>
      <c r="AD40" s="63">
        <v>13.3</v>
      </c>
      <c r="AE40" s="27">
        <v>65962</v>
      </c>
      <c r="AF40" s="25">
        <v>9137</v>
      </c>
      <c r="AG40" s="62">
        <v>13.9</v>
      </c>
      <c r="AH40" s="24">
        <v>65766</v>
      </c>
      <c r="AI40" s="25">
        <v>9571</v>
      </c>
      <c r="AJ40" s="63">
        <v>14.6</v>
      </c>
      <c r="AK40" s="27">
        <v>65979</v>
      </c>
      <c r="AL40" s="25">
        <v>10062</v>
      </c>
      <c r="AM40" s="62">
        <v>15.3</v>
      </c>
      <c r="AN40" s="24">
        <v>66076</v>
      </c>
      <c r="AO40" s="25">
        <v>10645</v>
      </c>
      <c r="AP40" s="63">
        <v>16.100000000000001</v>
      </c>
      <c r="AQ40" s="27">
        <v>66058</v>
      </c>
      <c r="AR40" s="25">
        <v>11156</v>
      </c>
      <c r="AS40" s="62">
        <v>16.899999999999999</v>
      </c>
      <c r="AT40" s="24">
        <v>66051</v>
      </c>
      <c r="AU40" s="25">
        <v>11716</v>
      </c>
      <c r="AV40" s="63">
        <v>17.7</v>
      </c>
      <c r="AW40" s="27">
        <v>66280</v>
      </c>
      <c r="AX40" s="25">
        <v>12245</v>
      </c>
      <c r="AY40" s="28">
        <v>18.5</v>
      </c>
      <c r="AZ40" s="24">
        <v>66526</v>
      </c>
      <c r="BA40" s="25">
        <v>12661</v>
      </c>
      <c r="BB40" s="63">
        <v>19</v>
      </c>
      <c r="BC40" s="27">
        <v>66488</v>
      </c>
      <c r="BD40" s="25">
        <v>13322</v>
      </c>
      <c r="BE40" s="28">
        <v>20</v>
      </c>
      <c r="BF40" s="24">
        <v>66581</v>
      </c>
      <c r="BG40" s="25">
        <v>66704</v>
      </c>
      <c r="BH40" s="25">
        <v>14028</v>
      </c>
      <c r="BI40" s="25">
        <v>14042</v>
      </c>
      <c r="BJ40" s="64">
        <v>21.1</v>
      </c>
      <c r="BK40" s="26">
        <v>21.1</v>
      </c>
      <c r="BL40" s="27">
        <v>66716</v>
      </c>
      <c r="BM40" s="25">
        <v>66837</v>
      </c>
      <c r="BN40" s="25">
        <v>14603</v>
      </c>
      <c r="BO40" s="25">
        <v>14617</v>
      </c>
      <c r="BP40" s="34">
        <v>21.9</v>
      </c>
      <c r="BQ40" s="62">
        <v>21.9</v>
      </c>
      <c r="BR40" s="24">
        <v>66696</v>
      </c>
      <c r="BS40" s="25">
        <v>66816</v>
      </c>
      <c r="BT40" s="25">
        <v>15536</v>
      </c>
      <c r="BU40" s="25">
        <v>15552</v>
      </c>
      <c r="BV40" s="34">
        <v>23.3</v>
      </c>
      <c r="BW40" s="26">
        <v>23.3</v>
      </c>
      <c r="BX40" s="65">
        <v>66644</v>
      </c>
      <c r="BY40" s="25">
        <v>66773</v>
      </c>
      <c r="BZ40" s="73">
        <v>16296</v>
      </c>
      <c r="CA40" s="25">
        <v>16313</v>
      </c>
      <c r="CB40" s="34">
        <v>24.5</v>
      </c>
      <c r="CC40" s="28">
        <v>24.4</v>
      </c>
      <c r="CD40" s="24">
        <v>66643</v>
      </c>
      <c r="CE40" s="25">
        <v>66799</v>
      </c>
      <c r="CF40" s="25">
        <v>17004</v>
      </c>
      <c r="CG40" s="25">
        <v>17023</v>
      </c>
      <c r="CH40" s="34">
        <v>25.5</v>
      </c>
      <c r="CI40" s="26">
        <v>25.5</v>
      </c>
      <c r="CJ40" s="27">
        <v>66884</v>
      </c>
      <c r="CK40" s="25">
        <v>67050</v>
      </c>
      <c r="CL40" s="25">
        <v>17656</v>
      </c>
      <c r="CM40" s="25">
        <v>17674</v>
      </c>
      <c r="CN40" s="34">
        <v>26.4</v>
      </c>
      <c r="CO40" s="28">
        <v>26.4</v>
      </c>
      <c r="CP40" s="24">
        <v>66734</v>
      </c>
      <c r="CQ40" s="25">
        <v>66924</v>
      </c>
      <c r="CR40" s="25">
        <v>18093</v>
      </c>
      <c r="CS40" s="25">
        <v>18116</v>
      </c>
      <c r="CT40" s="34">
        <v>27.1</v>
      </c>
      <c r="CU40" s="36">
        <v>27.1</v>
      </c>
      <c r="CV40" s="24">
        <v>66547</v>
      </c>
      <c r="CW40" s="25">
        <v>66793</v>
      </c>
      <c r="CX40" s="25">
        <v>18572</v>
      </c>
      <c r="CY40" s="25">
        <v>18597</v>
      </c>
      <c r="CZ40" s="34">
        <f t="shared" si="0"/>
        <v>27.9</v>
      </c>
      <c r="DA40" s="36">
        <f t="shared" si="1"/>
        <v>27.8</v>
      </c>
      <c r="DB40" s="24">
        <v>66651</v>
      </c>
      <c r="DC40" s="25">
        <v>66917</v>
      </c>
      <c r="DD40" s="25">
        <v>18985</v>
      </c>
      <c r="DE40" s="25">
        <v>19011</v>
      </c>
      <c r="DF40" s="34">
        <v>28.5</v>
      </c>
      <c r="DG40" s="36">
        <v>28.4</v>
      </c>
      <c r="DH40" s="24">
        <v>66642</v>
      </c>
      <c r="DI40" s="25">
        <v>66915</v>
      </c>
      <c r="DJ40" s="25">
        <v>19375</v>
      </c>
      <c r="DK40" s="25">
        <v>19400</v>
      </c>
      <c r="DL40" s="34">
        <f t="shared" si="2"/>
        <v>29.073257105128896</v>
      </c>
      <c r="DM40" s="36">
        <f t="shared" si="3"/>
        <v>28.992004782186353</v>
      </c>
      <c r="DN40" s="24">
        <v>66262</v>
      </c>
      <c r="DO40" s="25">
        <v>66573</v>
      </c>
      <c r="DP40" s="25">
        <v>19517</v>
      </c>
      <c r="DQ40" s="25">
        <v>19542</v>
      </c>
      <c r="DR40" s="34">
        <f t="shared" si="4"/>
        <v>29.454287525278438</v>
      </c>
      <c r="DS40" s="36">
        <f t="shared" si="5"/>
        <v>29.354242711008965</v>
      </c>
    </row>
    <row r="41" spans="1:123" x14ac:dyDescent="0.2">
      <c r="A41" s="76"/>
      <c r="B41" s="174"/>
      <c r="C41" s="122" t="s">
        <v>63</v>
      </c>
      <c r="D41" s="40">
        <v>65751</v>
      </c>
      <c r="E41" s="38">
        <v>7710</v>
      </c>
      <c r="F41" s="39">
        <v>11.7</v>
      </c>
      <c r="G41" s="40">
        <v>67060</v>
      </c>
      <c r="H41" s="38">
        <v>8403</v>
      </c>
      <c r="I41" s="41">
        <v>12.5</v>
      </c>
      <c r="J41" s="37">
        <v>68319</v>
      </c>
      <c r="K41" s="38">
        <v>8950</v>
      </c>
      <c r="L41" s="39">
        <v>13.1</v>
      </c>
      <c r="M41" s="40">
        <v>68822</v>
      </c>
      <c r="N41" s="38">
        <v>9456</v>
      </c>
      <c r="O41" s="41">
        <v>13.7</v>
      </c>
      <c r="P41" s="37">
        <v>69499</v>
      </c>
      <c r="Q41" s="38">
        <v>9884</v>
      </c>
      <c r="R41" s="39">
        <v>14.2</v>
      </c>
      <c r="S41" s="40">
        <v>70082</v>
      </c>
      <c r="T41" s="38">
        <v>10388</v>
      </c>
      <c r="U41" s="67">
        <v>14.8</v>
      </c>
      <c r="V41" s="37">
        <v>70490</v>
      </c>
      <c r="W41" s="38">
        <v>10978</v>
      </c>
      <c r="X41" s="68">
        <v>15.6</v>
      </c>
      <c r="Y41" s="40">
        <v>70816</v>
      </c>
      <c r="Z41" s="38">
        <v>11448</v>
      </c>
      <c r="AA41" s="67">
        <v>16.2</v>
      </c>
      <c r="AB41" s="37">
        <v>71256</v>
      </c>
      <c r="AC41" s="38">
        <v>12015</v>
      </c>
      <c r="AD41" s="68">
        <v>16.899999999999999</v>
      </c>
      <c r="AE41" s="40">
        <v>71458</v>
      </c>
      <c r="AF41" s="38">
        <v>12439</v>
      </c>
      <c r="AG41" s="67">
        <v>17.399999999999999</v>
      </c>
      <c r="AH41" s="37">
        <v>71430</v>
      </c>
      <c r="AI41" s="38">
        <v>12877</v>
      </c>
      <c r="AJ41" s="68">
        <v>18</v>
      </c>
      <c r="AK41" s="40">
        <v>71828</v>
      </c>
      <c r="AL41" s="38">
        <v>13531</v>
      </c>
      <c r="AM41" s="67">
        <v>18.8</v>
      </c>
      <c r="AN41" s="37">
        <v>72229</v>
      </c>
      <c r="AO41" s="38">
        <v>14201</v>
      </c>
      <c r="AP41" s="68">
        <v>19.7</v>
      </c>
      <c r="AQ41" s="40">
        <v>72498</v>
      </c>
      <c r="AR41" s="38">
        <v>14884</v>
      </c>
      <c r="AS41" s="67">
        <v>20.5</v>
      </c>
      <c r="AT41" s="37">
        <v>72743</v>
      </c>
      <c r="AU41" s="38">
        <v>15608</v>
      </c>
      <c r="AV41" s="68">
        <v>21.5</v>
      </c>
      <c r="AW41" s="40">
        <v>73214</v>
      </c>
      <c r="AX41" s="38">
        <v>16230</v>
      </c>
      <c r="AY41" s="41">
        <v>22.2</v>
      </c>
      <c r="AZ41" s="37">
        <v>73522</v>
      </c>
      <c r="BA41" s="38">
        <v>16807</v>
      </c>
      <c r="BB41" s="68">
        <v>22.9</v>
      </c>
      <c r="BC41" s="40">
        <v>73720</v>
      </c>
      <c r="BD41" s="38">
        <v>17602</v>
      </c>
      <c r="BE41" s="41">
        <v>23.9</v>
      </c>
      <c r="BF41" s="37">
        <v>74019</v>
      </c>
      <c r="BG41" s="38">
        <v>74162</v>
      </c>
      <c r="BH41" s="38">
        <v>18574</v>
      </c>
      <c r="BI41" s="38">
        <v>18588</v>
      </c>
      <c r="BJ41" s="69">
        <v>25.1</v>
      </c>
      <c r="BK41" s="39">
        <v>25.1</v>
      </c>
      <c r="BL41" s="40">
        <v>74206</v>
      </c>
      <c r="BM41" s="38">
        <v>74352</v>
      </c>
      <c r="BN41" s="38">
        <v>19314</v>
      </c>
      <c r="BO41" s="38">
        <v>19326</v>
      </c>
      <c r="BP41" s="47">
        <v>26</v>
      </c>
      <c r="BQ41" s="67">
        <v>26</v>
      </c>
      <c r="BR41" s="37">
        <v>74313</v>
      </c>
      <c r="BS41" s="38">
        <v>74468</v>
      </c>
      <c r="BT41" s="38">
        <v>20533</v>
      </c>
      <c r="BU41" s="38">
        <v>20544</v>
      </c>
      <c r="BV41" s="47">
        <v>27.6</v>
      </c>
      <c r="BW41" s="39">
        <v>27.6</v>
      </c>
      <c r="BX41" s="70">
        <v>74252</v>
      </c>
      <c r="BY41" s="38">
        <v>74425</v>
      </c>
      <c r="BZ41" s="74">
        <v>21585</v>
      </c>
      <c r="CA41" s="38">
        <v>21598</v>
      </c>
      <c r="CB41" s="47">
        <v>29.1</v>
      </c>
      <c r="CC41" s="41">
        <v>29</v>
      </c>
      <c r="CD41" s="37">
        <v>74519</v>
      </c>
      <c r="CE41" s="38">
        <v>74706</v>
      </c>
      <c r="CF41" s="38">
        <v>22513</v>
      </c>
      <c r="CG41" s="38">
        <v>22530</v>
      </c>
      <c r="CH41" s="47">
        <v>30.2</v>
      </c>
      <c r="CI41" s="39">
        <v>30.2</v>
      </c>
      <c r="CJ41" s="40">
        <v>74839</v>
      </c>
      <c r="CK41" s="38">
        <v>75058</v>
      </c>
      <c r="CL41" s="38">
        <v>23365</v>
      </c>
      <c r="CM41" s="38">
        <v>23385</v>
      </c>
      <c r="CN41" s="47">
        <v>31.2</v>
      </c>
      <c r="CO41" s="41">
        <v>31.2</v>
      </c>
      <c r="CP41" s="37">
        <v>74926</v>
      </c>
      <c r="CQ41" s="38">
        <v>75206</v>
      </c>
      <c r="CR41" s="38">
        <v>24134</v>
      </c>
      <c r="CS41" s="38">
        <v>24156</v>
      </c>
      <c r="CT41" s="47">
        <v>32.200000000000003</v>
      </c>
      <c r="CU41" s="49">
        <v>32.1</v>
      </c>
      <c r="CV41" s="37">
        <v>74866</v>
      </c>
      <c r="CW41" s="38">
        <v>75173</v>
      </c>
      <c r="CX41" s="38">
        <v>24742</v>
      </c>
      <c r="CY41" s="38">
        <v>24768</v>
      </c>
      <c r="CZ41" s="47">
        <f t="shared" si="0"/>
        <v>33</v>
      </c>
      <c r="DA41" s="49">
        <f t="shared" si="1"/>
        <v>32.9</v>
      </c>
      <c r="DB41" s="37">
        <v>74802</v>
      </c>
      <c r="DC41" s="38">
        <v>75057</v>
      </c>
      <c r="DD41" s="38">
        <v>25265</v>
      </c>
      <c r="DE41" s="38">
        <v>25292</v>
      </c>
      <c r="DF41" s="47">
        <v>33.799999999999997</v>
      </c>
      <c r="DG41" s="49">
        <v>33.700000000000003</v>
      </c>
      <c r="DH41" s="37">
        <v>74797</v>
      </c>
      <c r="DI41" s="38">
        <v>75043</v>
      </c>
      <c r="DJ41" s="38">
        <v>25773</v>
      </c>
      <c r="DK41" s="38">
        <v>25802</v>
      </c>
      <c r="DL41" s="47">
        <f t="shared" si="2"/>
        <v>34.457264328783239</v>
      </c>
      <c r="DM41" s="23">
        <f t="shared" si="3"/>
        <v>34.382953773170051</v>
      </c>
      <c r="DN41" s="37">
        <v>74418</v>
      </c>
      <c r="DO41" s="38">
        <v>74687</v>
      </c>
      <c r="DP41" s="38">
        <v>26071</v>
      </c>
      <c r="DQ41" s="38">
        <v>26099</v>
      </c>
      <c r="DR41" s="47">
        <f t="shared" si="4"/>
        <v>35.033190894676018</v>
      </c>
      <c r="DS41" s="23">
        <f t="shared" si="5"/>
        <v>34.944501720513607</v>
      </c>
    </row>
    <row r="42" spans="1:123" x14ac:dyDescent="0.2">
      <c r="A42" s="76"/>
      <c r="B42" s="179" t="s">
        <v>24</v>
      </c>
      <c r="C42" s="121" t="s">
        <v>61</v>
      </c>
      <c r="D42" s="80"/>
      <c r="E42" s="78"/>
      <c r="F42" s="79"/>
      <c r="G42" s="80"/>
      <c r="H42" s="78"/>
      <c r="I42" s="81"/>
      <c r="J42" s="77"/>
      <c r="K42" s="78"/>
      <c r="L42" s="79"/>
      <c r="M42" s="53">
        <v>105517</v>
      </c>
      <c r="N42" s="51">
        <v>11398</v>
      </c>
      <c r="O42" s="54">
        <v>10.8</v>
      </c>
      <c r="P42" s="50">
        <v>106792</v>
      </c>
      <c r="Q42" s="51">
        <v>12052</v>
      </c>
      <c r="R42" s="52">
        <v>11.3</v>
      </c>
      <c r="S42" s="53">
        <v>108320</v>
      </c>
      <c r="T42" s="51">
        <v>12924</v>
      </c>
      <c r="U42" s="58">
        <v>11.9</v>
      </c>
      <c r="V42" s="50">
        <v>109272</v>
      </c>
      <c r="W42" s="51">
        <v>13742</v>
      </c>
      <c r="X42" s="55">
        <v>12.6</v>
      </c>
      <c r="Y42" s="53">
        <v>110042</v>
      </c>
      <c r="Z42" s="51">
        <v>14544</v>
      </c>
      <c r="AA42" s="58">
        <v>13.2</v>
      </c>
      <c r="AB42" s="50">
        <v>110969</v>
      </c>
      <c r="AC42" s="51">
        <v>15298</v>
      </c>
      <c r="AD42" s="55">
        <v>13.8</v>
      </c>
      <c r="AE42" s="53">
        <v>111587</v>
      </c>
      <c r="AF42" s="51">
        <v>15898</v>
      </c>
      <c r="AG42" s="58">
        <v>14.2</v>
      </c>
      <c r="AH42" s="50">
        <v>111956</v>
      </c>
      <c r="AI42" s="51">
        <v>16667</v>
      </c>
      <c r="AJ42" s="55">
        <v>14.9</v>
      </c>
      <c r="AK42" s="53">
        <v>112504</v>
      </c>
      <c r="AL42" s="51">
        <v>17545</v>
      </c>
      <c r="AM42" s="58">
        <v>15.6</v>
      </c>
      <c r="AN42" s="50">
        <v>113252</v>
      </c>
      <c r="AO42" s="51">
        <v>18484</v>
      </c>
      <c r="AP42" s="55">
        <v>16.3</v>
      </c>
      <c r="AQ42" s="53">
        <v>114118</v>
      </c>
      <c r="AR42" s="51">
        <v>19431</v>
      </c>
      <c r="AS42" s="58">
        <v>17</v>
      </c>
      <c r="AT42" s="50">
        <v>114689</v>
      </c>
      <c r="AU42" s="51">
        <v>20413</v>
      </c>
      <c r="AV42" s="55">
        <v>17.8</v>
      </c>
      <c r="AW42" s="53">
        <v>114945</v>
      </c>
      <c r="AX42" s="51">
        <v>21314</v>
      </c>
      <c r="AY42" s="54">
        <v>18.5</v>
      </c>
      <c r="AZ42" s="50">
        <v>115222</v>
      </c>
      <c r="BA42" s="51">
        <v>22037</v>
      </c>
      <c r="BB42" s="55">
        <v>19.100000000000001</v>
      </c>
      <c r="BC42" s="53">
        <v>115057</v>
      </c>
      <c r="BD42" s="51">
        <v>23128</v>
      </c>
      <c r="BE42" s="54">
        <v>20.100000000000001</v>
      </c>
      <c r="BF42" s="50">
        <v>114929</v>
      </c>
      <c r="BG42" s="51">
        <v>115369</v>
      </c>
      <c r="BH42" s="51">
        <v>24444</v>
      </c>
      <c r="BI42" s="51">
        <v>24483</v>
      </c>
      <c r="BJ42" s="56">
        <v>21.3</v>
      </c>
      <c r="BK42" s="52">
        <v>21.2</v>
      </c>
      <c r="BL42" s="53">
        <v>115021</v>
      </c>
      <c r="BM42" s="51">
        <v>115457</v>
      </c>
      <c r="BN42" s="51">
        <v>25554</v>
      </c>
      <c r="BO42" s="51">
        <v>25593</v>
      </c>
      <c r="BP42" s="57">
        <v>22.2</v>
      </c>
      <c r="BQ42" s="58">
        <v>22.2</v>
      </c>
      <c r="BR42" s="50">
        <v>114921</v>
      </c>
      <c r="BS42" s="51">
        <v>115344</v>
      </c>
      <c r="BT42" s="51">
        <v>27193</v>
      </c>
      <c r="BU42" s="51">
        <v>27238</v>
      </c>
      <c r="BV42" s="57">
        <v>23.7</v>
      </c>
      <c r="BW42" s="52">
        <v>23.6</v>
      </c>
      <c r="BX42" s="59">
        <v>114614</v>
      </c>
      <c r="BY42" s="51">
        <v>115018</v>
      </c>
      <c r="BZ42" s="72">
        <v>28632</v>
      </c>
      <c r="CA42" s="51">
        <v>28683</v>
      </c>
      <c r="CB42" s="57">
        <v>25</v>
      </c>
      <c r="CC42" s="54">
        <v>24.9</v>
      </c>
      <c r="CD42" s="50">
        <v>114816</v>
      </c>
      <c r="CE42" s="51">
        <v>115257</v>
      </c>
      <c r="CF42" s="51">
        <v>29944</v>
      </c>
      <c r="CG42" s="51">
        <v>30005</v>
      </c>
      <c r="CH42" s="57">
        <v>26.1</v>
      </c>
      <c r="CI42" s="52">
        <v>26</v>
      </c>
      <c r="CJ42" s="53">
        <v>114459</v>
      </c>
      <c r="CK42" s="51">
        <v>114934</v>
      </c>
      <c r="CL42" s="51">
        <v>31038</v>
      </c>
      <c r="CM42" s="51">
        <v>31104</v>
      </c>
      <c r="CN42" s="57">
        <v>27.1</v>
      </c>
      <c r="CO42" s="54">
        <v>27.1</v>
      </c>
      <c r="CP42" s="50">
        <v>113912</v>
      </c>
      <c r="CQ42" s="51">
        <v>114447</v>
      </c>
      <c r="CR42" s="51">
        <v>31989</v>
      </c>
      <c r="CS42" s="51">
        <v>32055</v>
      </c>
      <c r="CT42" s="57">
        <v>28.1</v>
      </c>
      <c r="CU42" s="61">
        <v>28</v>
      </c>
      <c r="CV42" s="50">
        <v>112886</v>
      </c>
      <c r="CW42" s="51">
        <v>113475</v>
      </c>
      <c r="CX42" s="51">
        <v>32849</v>
      </c>
      <c r="CY42" s="51">
        <v>32912</v>
      </c>
      <c r="CZ42" s="21">
        <f t="shared" si="0"/>
        <v>29.1</v>
      </c>
      <c r="DA42" s="23">
        <f t="shared" si="1"/>
        <v>29</v>
      </c>
      <c r="DB42" s="50">
        <v>112071</v>
      </c>
      <c r="DC42" s="51">
        <v>112670</v>
      </c>
      <c r="DD42" s="51">
        <v>33661</v>
      </c>
      <c r="DE42" s="51">
        <v>33725</v>
      </c>
      <c r="DF42" s="21">
        <v>30</v>
      </c>
      <c r="DG42" s="23">
        <v>29.9</v>
      </c>
      <c r="DH42" s="50">
        <v>111389</v>
      </c>
      <c r="DI42" s="51">
        <v>112000</v>
      </c>
      <c r="DJ42" s="51">
        <v>34229</v>
      </c>
      <c r="DK42" s="51">
        <v>34296</v>
      </c>
      <c r="DL42" s="21">
        <f t="shared" si="2"/>
        <v>30.729246155365431</v>
      </c>
      <c r="DM42" s="61">
        <f t="shared" si="3"/>
        <v>30.62142857142857</v>
      </c>
      <c r="DN42" s="50">
        <v>110633</v>
      </c>
      <c r="DO42" s="51">
        <v>111375</v>
      </c>
      <c r="DP42" s="51">
        <v>34674</v>
      </c>
      <c r="DQ42" s="51">
        <v>34748</v>
      </c>
      <c r="DR42" s="21">
        <f t="shared" si="4"/>
        <v>31.341462312329956</v>
      </c>
      <c r="DS42" s="61">
        <f t="shared" si="5"/>
        <v>31.199102132435463</v>
      </c>
    </row>
    <row r="43" spans="1:123" x14ac:dyDescent="0.2">
      <c r="A43" s="76"/>
      <c r="B43" s="172"/>
      <c r="C43" s="123" t="s">
        <v>62</v>
      </c>
      <c r="D43" s="85"/>
      <c r="E43" s="83"/>
      <c r="F43" s="84"/>
      <c r="G43" s="85"/>
      <c r="H43" s="83"/>
      <c r="I43" s="86"/>
      <c r="J43" s="82"/>
      <c r="K43" s="83"/>
      <c r="L43" s="84"/>
      <c r="M43" s="27">
        <v>51150</v>
      </c>
      <c r="N43" s="25">
        <v>4958</v>
      </c>
      <c r="O43" s="28">
        <v>9.6999999999999993</v>
      </c>
      <c r="P43" s="24">
        <v>51663</v>
      </c>
      <c r="Q43" s="25">
        <v>5251</v>
      </c>
      <c r="R43" s="26">
        <v>10.199999999999999</v>
      </c>
      <c r="S43" s="27">
        <v>52344</v>
      </c>
      <c r="T43" s="25">
        <v>5594</v>
      </c>
      <c r="U43" s="62">
        <v>10.7</v>
      </c>
      <c r="V43" s="24">
        <v>52735</v>
      </c>
      <c r="W43" s="25">
        <v>5939</v>
      </c>
      <c r="X43" s="63">
        <v>11.3</v>
      </c>
      <c r="Y43" s="27">
        <v>53142</v>
      </c>
      <c r="Z43" s="25">
        <v>6300</v>
      </c>
      <c r="AA43" s="62">
        <v>11.9</v>
      </c>
      <c r="AB43" s="24">
        <v>53485</v>
      </c>
      <c r="AC43" s="25">
        <v>6591</v>
      </c>
      <c r="AD43" s="63">
        <v>12.3</v>
      </c>
      <c r="AE43" s="27">
        <v>53670</v>
      </c>
      <c r="AF43" s="25">
        <v>6839</v>
      </c>
      <c r="AG43" s="62">
        <v>12.7</v>
      </c>
      <c r="AH43" s="24">
        <v>53801</v>
      </c>
      <c r="AI43" s="25">
        <v>7163</v>
      </c>
      <c r="AJ43" s="63">
        <v>13.3</v>
      </c>
      <c r="AK43" s="27">
        <v>53948</v>
      </c>
      <c r="AL43" s="25">
        <v>7560</v>
      </c>
      <c r="AM43" s="62">
        <v>14</v>
      </c>
      <c r="AN43" s="24">
        <v>54165</v>
      </c>
      <c r="AO43" s="25">
        <v>7987</v>
      </c>
      <c r="AP43" s="63">
        <v>14.7</v>
      </c>
      <c r="AQ43" s="27">
        <v>54497</v>
      </c>
      <c r="AR43" s="25">
        <v>8436</v>
      </c>
      <c r="AS43" s="62">
        <v>15.5</v>
      </c>
      <c r="AT43" s="24">
        <v>54755</v>
      </c>
      <c r="AU43" s="25">
        <v>8891</v>
      </c>
      <c r="AV43" s="63">
        <v>16.2</v>
      </c>
      <c r="AW43" s="27">
        <v>54846</v>
      </c>
      <c r="AX43" s="25">
        <v>9311</v>
      </c>
      <c r="AY43" s="28">
        <v>17</v>
      </c>
      <c r="AZ43" s="24">
        <v>54946</v>
      </c>
      <c r="BA43" s="25">
        <v>9650</v>
      </c>
      <c r="BB43" s="63">
        <v>17.600000000000001</v>
      </c>
      <c r="BC43" s="27">
        <v>54790</v>
      </c>
      <c r="BD43" s="25">
        <v>10118</v>
      </c>
      <c r="BE43" s="28">
        <v>18.5</v>
      </c>
      <c r="BF43" s="24">
        <v>54715</v>
      </c>
      <c r="BG43" s="25">
        <v>54910</v>
      </c>
      <c r="BH43" s="25">
        <v>10748</v>
      </c>
      <c r="BI43" s="25">
        <v>10763</v>
      </c>
      <c r="BJ43" s="64">
        <v>19.600000000000001</v>
      </c>
      <c r="BK43" s="26">
        <v>19.600000000000001</v>
      </c>
      <c r="BL43" s="27">
        <v>54763</v>
      </c>
      <c r="BM43" s="25">
        <v>54953</v>
      </c>
      <c r="BN43" s="25">
        <v>11247</v>
      </c>
      <c r="BO43" s="25">
        <v>11263</v>
      </c>
      <c r="BP43" s="34">
        <v>20.5</v>
      </c>
      <c r="BQ43" s="62">
        <v>20.5</v>
      </c>
      <c r="BR43" s="24">
        <v>54637</v>
      </c>
      <c r="BS43" s="25">
        <v>54820</v>
      </c>
      <c r="BT43" s="25">
        <v>11993</v>
      </c>
      <c r="BU43" s="25">
        <v>12013</v>
      </c>
      <c r="BV43" s="34">
        <v>22</v>
      </c>
      <c r="BW43" s="26">
        <v>21.9</v>
      </c>
      <c r="BX43" s="65">
        <v>54525</v>
      </c>
      <c r="BY43" s="25">
        <v>54701</v>
      </c>
      <c r="BZ43" s="73">
        <v>12656</v>
      </c>
      <c r="CA43" s="25">
        <v>12680</v>
      </c>
      <c r="CB43" s="34">
        <v>23.2</v>
      </c>
      <c r="CC43" s="28">
        <v>23.2</v>
      </c>
      <c r="CD43" s="24">
        <v>54542</v>
      </c>
      <c r="CE43" s="25">
        <v>54741</v>
      </c>
      <c r="CF43" s="25">
        <v>13189</v>
      </c>
      <c r="CG43" s="25">
        <v>13217</v>
      </c>
      <c r="CH43" s="34">
        <v>24.2</v>
      </c>
      <c r="CI43" s="26">
        <v>24.1</v>
      </c>
      <c r="CJ43" s="27">
        <v>54350</v>
      </c>
      <c r="CK43" s="25">
        <v>54566</v>
      </c>
      <c r="CL43" s="25">
        <v>13671</v>
      </c>
      <c r="CM43" s="25">
        <v>13700</v>
      </c>
      <c r="CN43" s="34">
        <v>25.2</v>
      </c>
      <c r="CO43" s="28">
        <v>25.1</v>
      </c>
      <c r="CP43" s="24">
        <v>54059</v>
      </c>
      <c r="CQ43" s="25">
        <v>54304</v>
      </c>
      <c r="CR43" s="25">
        <v>14025</v>
      </c>
      <c r="CS43" s="25">
        <v>14056</v>
      </c>
      <c r="CT43" s="34">
        <v>25.9</v>
      </c>
      <c r="CU43" s="36">
        <v>25.9</v>
      </c>
      <c r="CV43" s="24">
        <v>53589</v>
      </c>
      <c r="CW43" s="25">
        <v>53878</v>
      </c>
      <c r="CX43" s="25">
        <v>14445</v>
      </c>
      <c r="CY43" s="25">
        <v>14475</v>
      </c>
      <c r="CZ43" s="34">
        <f t="shared" si="0"/>
        <v>27</v>
      </c>
      <c r="DA43" s="36">
        <f t="shared" si="1"/>
        <v>26.9</v>
      </c>
      <c r="DB43" s="24">
        <v>53226</v>
      </c>
      <c r="DC43" s="25">
        <v>53532</v>
      </c>
      <c r="DD43" s="25">
        <v>14825</v>
      </c>
      <c r="DE43" s="25">
        <v>14857</v>
      </c>
      <c r="DF43" s="34">
        <v>27.9</v>
      </c>
      <c r="DG43" s="36">
        <v>27.8</v>
      </c>
      <c r="DH43" s="24">
        <v>52887</v>
      </c>
      <c r="DI43" s="25">
        <v>53214</v>
      </c>
      <c r="DJ43" s="25">
        <v>15031</v>
      </c>
      <c r="DK43" s="25">
        <v>15062</v>
      </c>
      <c r="DL43" s="34">
        <f t="shared" si="2"/>
        <v>28.420973017943918</v>
      </c>
      <c r="DM43" s="36">
        <f t="shared" si="3"/>
        <v>28.304581501108732</v>
      </c>
      <c r="DN43" s="24">
        <v>52520</v>
      </c>
      <c r="DO43" s="25">
        <v>52922</v>
      </c>
      <c r="DP43" s="25">
        <v>15176</v>
      </c>
      <c r="DQ43" s="25">
        <v>15212</v>
      </c>
      <c r="DR43" s="34">
        <f t="shared" si="4"/>
        <v>28.895658796648892</v>
      </c>
      <c r="DS43" s="36">
        <f t="shared" si="5"/>
        <v>28.744189561996901</v>
      </c>
    </row>
    <row r="44" spans="1:123" x14ac:dyDescent="0.2">
      <c r="A44" s="87"/>
      <c r="B44" s="174"/>
      <c r="C44" s="122" t="s">
        <v>63</v>
      </c>
      <c r="D44" s="91"/>
      <c r="E44" s="89"/>
      <c r="F44" s="90"/>
      <c r="G44" s="91"/>
      <c r="H44" s="89"/>
      <c r="I44" s="92"/>
      <c r="J44" s="88"/>
      <c r="K44" s="89"/>
      <c r="L44" s="90"/>
      <c r="M44" s="40">
        <v>54367</v>
      </c>
      <c r="N44" s="38">
        <v>6440</v>
      </c>
      <c r="O44" s="41">
        <v>11.8</v>
      </c>
      <c r="P44" s="37">
        <v>55129</v>
      </c>
      <c r="Q44" s="38">
        <v>6801</v>
      </c>
      <c r="R44" s="39">
        <v>12.3</v>
      </c>
      <c r="S44" s="40">
        <v>55976</v>
      </c>
      <c r="T44" s="38">
        <v>7330</v>
      </c>
      <c r="U44" s="67">
        <v>13.1</v>
      </c>
      <c r="V44" s="37">
        <v>56537</v>
      </c>
      <c r="W44" s="38">
        <v>7803</v>
      </c>
      <c r="X44" s="68">
        <v>13.8</v>
      </c>
      <c r="Y44" s="40">
        <v>56900</v>
      </c>
      <c r="Z44" s="38">
        <v>8244</v>
      </c>
      <c r="AA44" s="67">
        <v>14.5</v>
      </c>
      <c r="AB44" s="37">
        <v>57484</v>
      </c>
      <c r="AC44" s="38">
        <v>8707</v>
      </c>
      <c r="AD44" s="68">
        <v>15.1</v>
      </c>
      <c r="AE44" s="40">
        <v>57917</v>
      </c>
      <c r="AF44" s="38">
        <v>9059</v>
      </c>
      <c r="AG44" s="67">
        <v>15.6</v>
      </c>
      <c r="AH44" s="37">
        <v>58155</v>
      </c>
      <c r="AI44" s="38">
        <v>9504</v>
      </c>
      <c r="AJ44" s="68">
        <v>16.3</v>
      </c>
      <c r="AK44" s="40">
        <v>58556</v>
      </c>
      <c r="AL44" s="38">
        <v>9985</v>
      </c>
      <c r="AM44" s="67">
        <v>17.100000000000001</v>
      </c>
      <c r="AN44" s="37">
        <v>59087</v>
      </c>
      <c r="AO44" s="38">
        <v>10497</v>
      </c>
      <c r="AP44" s="68">
        <v>17.8</v>
      </c>
      <c r="AQ44" s="40">
        <v>59621</v>
      </c>
      <c r="AR44" s="38">
        <v>10995</v>
      </c>
      <c r="AS44" s="67">
        <v>18.399999999999999</v>
      </c>
      <c r="AT44" s="37">
        <v>59934</v>
      </c>
      <c r="AU44" s="38">
        <v>11522</v>
      </c>
      <c r="AV44" s="68">
        <v>19.2</v>
      </c>
      <c r="AW44" s="40">
        <v>60099</v>
      </c>
      <c r="AX44" s="38">
        <v>12003</v>
      </c>
      <c r="AY44" s="41">
        <v>20</v>
      </c>
      <c r="AZ44" s="37">
        <v>60276</v>
      </c>
      <c r="BA44" s="38">
        <v>12387</v>
      </c>
      <c r="BB44" s="68">
        <v>20.6</v>
      </c>
      <c r="BC44" s="40">
        <v>60267</v>
      </c>
      <c r="BD44" s="38">
        <v>13010</v>
      </c>
      <c r="BE44" s="41">
        <v>21.6</v>
      </c>
      <c r="BF44" s="37">
        <v>60214</v>
      </c>
      <c r="BG44" s="38">
        <v>60459</v>
      </c>
      <c r="BH44" s="38">
        <v>13696</v>
      </c>
      <c r="BI44" s="38">
        <v>13720</v>
      </c>
      <c r="BJ44" s="69">
        <v>22.7</v>
      </c>
      <c r="BK44" s="39">
        <v>22.7</v>
      </c>
      <c r="BL44" s="40">
        <v>60258</v>
      </c>
      <c r="BM44" s="38">
        <v>60504</v>
      </c>
      <c r="BN44" s="38">
        <v>14307</v>
      </c>
      <c r="BO44" s="38">
        <v>14330</v>
      </c>
      <c r="BP44" s="47">
        <v>23.7</v>
      </c>
      <c r="BQ44" s="67">
        <v>23.7</v>
      </c>
      <c r="BR44" s="37">
        <v>60284</v>
      </c>
      <c r="BS44" s="38">
        <v>60524</v>
      </c>
      <c r="BT44" s="38">
        <v>15200</v>
      </c>
      <c r="BU44" s="38">
        <v>15225</v>
      </c>
      <c r="BV44" s="47">
        <v>25.2</v>
      </c>
      <c r="BW44" s="39">
        <v>25.2</v>
      </c>
      <c r="BX44" s="70">
        <v>60089</v>
      </c>
      <c r="BY44" s="38">
        <v>60317</v>
      </c>
      <c r="BZ44" s="74">
        <v>15976</v>
      </c>
      <c r="CA44" s="38">
        <v>16003</v>
      </c>
      <c r="CB44" s="47">
        <v>26.6</v>
      </c>
      <c r="CC44" s="41">
        <v>26.5</v>
      </c>
      <c r="CD44" s="37">
        <v>60274</v>
      </c>
      <c r="CE44" s="38">
        <v>60516</v>
      </c>
      <c r="CF44" s="38">
        <v>16755</v>
      </c>
      <c r="CG44" s="38">
        <v>16788</v>
      </c>
      <c r="CH44" s="47">
        <v>27.8</v>
      </c>
      <c r="CI44" s="39">
        <v>27.7</v>
      </c>
      <c r="CJ44" s="40">
        <v>60109</v>
      </c>
      <c r="CK44" s="38">
        <v>60368</v>
      </c>
      <c r="CL44" s="38">
        <v>17367</v>
      </c>
      <c r="CM44" s="38">
        <v>17404</v>
      </c>
      <c r="CN44" s="47">
        <v>28.9</v>
      </c>
      <c r="CO44" s="41">
        <v>28.8</v>
      </c>
      <c r="CP44" s="37">
        <v>59853</v>
      </c>
      <c r="CQ44" s="38">
        <v>60143</v>
      </c>
      <c r="CR44" s="38">
        <v>17964</v>
      </c>
      <c r="CS44" s="38">
        <v>17999</v>
      </c>
      <c r="CT44" s="47">
        <v>30</v>
      </c>
      <c r="CU44" s="49">
        <v>29.9</v>
      </c>
      <c r="CV44" s="37">
        <v>59297</v>
      </c>
      <c r="CW44" s="38">
        <v>59597</v>
      </c>
      <c r="CX44" s="38">
        <v>18404</v>
      </c>
      <c r="CY44" s="38">
        <v>18437</v>
      </c>
      <c r="CZ44" s="47">
        <f t="shared" si="0"/>
        <v>31</v>
      </c>
      <c r="DA44" s="49">
        <f t="shared" si="1"/>
        <v>30.9</v>
      </c>
      <c r="DB44" s="37">
        <v>58845</v>
      </c>
      <c r="DC44" s="38">
        <v>59138</v>
      </c>
      <c r="DD44" s="38">
        <v>18836</v>
      </c>
      <c r="DE44" s="38">
        <v>18868</v>
      </c>
      <c r="DF44" s="47">
        <v>32</v>
      </c>
      <c r="DG44" s="49">
        <v>31.9</v>
      </c>
      <c r="DH44" s="37">
        <v>58502</v>
      </c>
      <c r="DI44" s="38">
        <v>58786</v>
      </c>
      <c r="DJ44" s="38">
        <v>19198</v>
      </c>
      <c r="DK44" s="38">
        <v>19234</v>
      </c>
      <c r="DL44" s="47">
        <f t="shared" si="2"/>
        <v>32.815972103517829</v>
      </c>
      <c r="DM44" s="23">
        <f t="shared" si="3"/>
        <v>32.718674514340151</v>
      </c>
      <c r="DN44" s="37">
        <v>58113</v>
      </c>
      <c r="DO44" s="38">
        <v>58453</v>
      </c>
      <c r="DP44" s="38">
        <v>19498</v>
      </c>
      <c r="DQ44" s="38">
        <v>19536</v>
      </c>
      <c r="DR44" s="47">
        <f t="shared" si="4"/>
        <v>33.551873074871366</v>
      </c>
      <c r="DS44" s="23">
        <f t="shared" si="5"/>
        <v>33.421723435922878</v>
      </c>
    </row>
    <row r="45" spans="1:123" x14ac:dyDescent="0.2">
      <c r="A45" s="180" t="s">
        <v>25</v>
      </c>
      <c r="B45" s="179"/>
      <c r="C45" s="121" t="s">
        <v>61</v>
      </c>
      <c r="D45" s="53">
        <v>298897</v>
      </c>
      <c r="E45" s="51">
        <v>47022</v>
      </c>
      <c r="F45" s="52">
        <v>15.7</v>
      </c>
      <c r="G45" s="53">
        <v>296737</v>
      </c>
      <c r="H45" s="51">
        <v>49048</v>
      </c>
      <c r="I45" s="54">
        <v>16.5</v>
      </c>
      <c r="J45" s="50">
        <v>293588</v>
      </c>
      <c r="K45" s="51">
        <v>50651</v>
      </c>
      <c r="L45" s="52">
        <v>17.3</v>
      </c>
      <c r="M45" s="53">
        <v>291517</v>
      </c>
      <c r="N45" s="51">
        <v>52518</v>
      </c>
      <c r="O45" s="54">
        <v>18</v>
      </c>
      <c r="P45" s="50">
        <v>289806</v>
      </c>
      <c r="Q45" s="51">
        <v>54196</v>
      </c>
      <c r="R45" s="52">
        <v>18.7</v>
      </c>
      <c r="S45" s="53">
        <v>287843</v>
      </c>
      <c r="T45" s="51">
        <v>55729</v>
      </c>
      <c r="U45" s="58">
        <v>19.399999999999999</v>
      </c>
      <c r="V45" s="50">
        <v>286175</v>
      </c>
      <c r="W45" s="51">
        <v>57592</v>
      </c>
      <c r="X45" s="55">
        <v>20.100000000000001</v>
      </c>
      <c r="Y45" s="53">
        <v>284690</v>
      </c>
      <c r="Z45" s="51">
        <v>59301</v>
      </c>
      <c r="AA45" s="58">
        <v>20.8</v>
      </c>
      <c r="AB45" s="50">
        <v>283373</v>
      </c>
      <c r="AC45" s="51">
        <v>61039</v>
      </c>
      <c r="AD45" s="55">
        <v>21.5</v>
      </c>
      <c r="AE45" s="53">
        <v>281333</v>
      </c>
      <c r="AF45" s="51">
        <v>62336</v>
      </c>
      <c r="AG45" s="58">
        <v>22.2</v>
      </c>
      <c r="AH45" s="50">
        <v>296547</v>
      </c>
      <c r="AI45" s="51">
        <v>68457</v>
      </c>
      <c r="AJ45" s="55">
        <v>23.1</v>
      </c>
      <c r="AK45" s="53">
        <v>294694</v>
      </c>
      <c r="AL45" s="51">
        <v>70238</v>
      </c>
      <c r="AM45" s="58">
        <v>23.8</v>
      </c>
      <c r="AN45" s="50">
        <v>290873</v>
      </c>
      <c r="AO45" s="51">
        <v>71908</v>
      </c>
      <c r="AP45" s="55">
        <v>24.7</v>
      </c>
      <c r="AQ45" s="53">
        <v>287691</v>
      </c>
      <c r="AR45" s="51">
        <v>73317</v>
      </c>
      <c r="AS45" s="58">
        <v>25.5</v>
      </c>
      <c r="AT45" s="50">
        <v>284910</v>
      </c>
      <c r="AU45" s="51">
        <v>75276</v>
      </c>
      <c r="AV45" s="55">
        <v>26.4</v>
      </c>
      <c r="AW45" s="53">
        <v>282459</v>
      </c>
      <c r="AX45" s="51">
        <v>76206</v>
      </c>
      <c r="AY45" s="54">
        <v>27</v>
      </c>
      <c r="AZ45" s="50">
        <v>280035</v>
      </c>
      <c r="BA45" s="51">
        <v>76455</v>
      </c>
      <c r="BB45" s="55">
        <v>27.3</v>
      </c>
      <c r="BC45" s="53">
        <v>277056</v>
      </c>
      <c r="BD45" s="51">
        <v>77796</v>
      </c>
      <c r="BE45" s="54">
        <v>28.1</v>
      </c>
      <c r="BF45" s="50">
        <v>274537</v>
      </c>
      <c r="BG45" s="51">
        <v>275263</v>
      </c>
      <c r="BH45" s="51">
        <v>80052</v>
      </c>
      <c r="BI45" s="51">
        <v>80106</v>
      </c>
      <c r="BJ45" s="56">
        <v>29.2</v>
      </c>
      <c r="BK45" s="52">
        <v>29.1</v>
      </c>
      <c r="BL45" s="53">
        <v>273712</v>
      </c>
      <c r="BM45" s="51">
        <v>274485</v>
      </c>
      <c r="BN45" s="51">
        <v>81442</v>
      </c>
      <c r="BO45" s="51">
        <v>81502</v>
      </c>
      <c r="BP45" s="57">
        <v>29.8</v>
      </c>
      <c r="BQ45" s="58">
        <v>29.7</v>
      </c>
      <c r="BR45" s="50">
        <v>270674</v>
      </c>
      <c r="BS45" s="51">
        <v>271479</v>
      </c>
      <c r="BT45" s="51">
        <v>84148</v>
      </c>
      <c r="BU45" s="51">
        <v>84210</v>
      </c>
      <c r="BV45" s="57">
        <v>31.1</v>
      </c>
      <c r="BW45" s="52">
        <v>31</v>
      </c>
      <c r="BX45" s="53">
        <v>267751</v>
      </c>
      <c r="BY45" s="51">
        <v>268617</v>
      </c>
      <c r="BZ45" s="51">
        <v>86051</v>
      </c>
      <c r="CA45" s="51">
        <v>86115</v>
      </c>
      <c r="CB45" s="57">
        <v>32.1</v>
      </c>
      <c r="CC45" s="54">
        <v>32.1</v>
      </c>
      <c r="CD45" s="50">
        <v>264592</v>
      </c>
      <c r="CE45" s="51">
        <v>265503</v>
      </c>
      <c r="CF45" s="51">
        <v>87506</v>
      </c>
      <c r="CG45" s="51">
        <v>87570</v>
      </c>
      <c r="CH45" s="57">
        <v>33.1</v>
      </c>
      <c r="CI45" s="52">
        <v>33</v>
      </c>
      <c r="CJ45" s="53">
        <v>261572</v>
      </c>
      <c r="CK45" s="51">
        <v>262519</v>
      </c>
      <c r="CL45" s="51">
        <v>88760</v>
      </c>
      <c r="CM45" s="51">
        <v>88829</v>
      </c>
      <c r="CN45" s="57">
        <v>33.9</v>
      </c>
      <c r="CO45" s="54">
        <v>33.799999999999997</v>
      </c>
      <c r="CP45" s="50">
        <v>257893</v>
      </c>
      <c r="CQ45" s="51">
        <v>258948</v>
      </c>
      <c r="CR45" s="51">
        <v>89500</v>
      </c>
      <c r="CS45" s="51">
        <v>89577</v>
      </c>
      <c r="CT45" s="57">
        <v>34.700000000000003</v>
      </c>
      <c r="CU45" s="61">
        <v>34.6</v>
      </c>
      <c r="CV45" s="50">
        <v>254146</v>
      </c>
      <c r="CW45" s="51">
        <v>255308</v>
      </c>
      <c r="CX45" s="51">
        <v>89748</v>
      </c>
      <c r="CY45" s="51">
        <v>89823</v>
      </c>
      <c r="CZ45" s="21">
        <f t="shared" si="0"/>
        <v>35.299999999999997</v>
      </c>
      <c r="DA45" s="23">
        <f t="shared" si="1"/>
        <v>35.200000000000003</v>
      </c>
      <c r="DB45" s="50">
        <v>250793</v>
      </c>
      <c r="DC45" s="51">
        <v>251891</v>
      </c>
      <c r="DD45" s="51">
        <v>90042</v>
      </c>
      <c r="DE45" s="51">
        <v>90122</v>
      </c>
      <c r="DF45" s="21">
        <v>35.9</v>
      </c>
      <c r="DG45" s="23">
        <v>35.799999999999997</v>
      </c>
      <c r="DH45" s="50">
        <v>247102</v>
      </c>
      <c r="DI45" s="51">
        <v>248106</v>
      </c>
      <c r="DJ45" s="51">
        <v>90075</v>
      </c>
      <c r="DK45" s="51">
        <v>90162</v>
      </c>
      <c r="DL45" s="21">
        <f t="shared" si="2"/>
        <v>36.452558052949797</v>
      </c>
      <c r="DM45" s="61">
        <f t="shared" si="3"/>
        <v>36.340112693767985</v>
      </c>
      <c r="DN45" s="50">
        <v>243080</v>
      </c>
      <c r="DO45" s="51">
        <v>244431</v>
      </c>
      <c r="DP45" s="51">
        <v>89457</v>
      </c>
      <c r="DQ45" s="51">
        <v>89556</v>
      </c>
      <c r="DR45" s="21">
        <f t="shared" si="4"/>
        <v>36.801464538423559</v>
      </c>
      <c r="DS45" s="61">
        <f t="shared" si="5"/>
        <v>36.638560575377099</v>
      </c>
    </row>
    <row r="46" spans="1:123" x14ac:dyDescent="0.2">
      <c r="A46" s="171"/>
      <c r="B46" s="172"/>
      <c r="C46" s="123" t="s">
        <v>62</v>
      </c>
      <c r="D46" s="27">
        <v>138440</v>
      </c>
      <c r="E46" s="25">
        <v>18535</v>
      </c>
      <c r="F46" s="26">
        <v>13.4</v>
      </c>
      <c r="G46" s="27">
        <v>137216</v>
      </c>
      <c r="H46" s="25">
        <v>19423</v>
      </c>
      <c r="I46" s="28">
        <v>14.2</v>
      </c>
      <c r="J46" s="24">
        <v>135654</v>
      </c>
      <c r="K46" s="25">
        <v>20067</v>
      </c>
      <c r="L46" s="26">
        <v>14.8</v>
      </c>
      <c r="M46" s="27">
        <v>134395</v>
      </c>
      <c r="N46" s="25">
        <v>20761</v>
      </c>
      <c r="O46" s="28">
        <v>15.4</v>
      </c>
      <c r="P46" s="24">
        <v>133587</v>
      </c>
      <c r="Q46" s="25">
        <v>21428</v>
      </c>
      <c r="R46" s="26">
        <v>16</v>
      </c>
      <c r="S46" s="27">
        <v>132573</v>
      </c>
      <c r="T46" s="25">
        <v>22014</v>
      </c>
      <c r="U46" s="62">
        <v>16.600000000000001</v>
      </c>
      <c r="V46" s="24">
        <v>131638</v>
      </c>
      <c r="W46" s="25">
        <v>22713</v>
      </c>
      <c r="X46" s="63">
        <v>17.3</v>
      </c>
      <c r="Y46" s="27">
        <v>130988</v>
      </c>
      <c r="Z46" s="25">
        <v>23414</v>
      </c>
      <c r="AA46" s="62">
        <v>17.899999999999999</v>
      </c>
      <c r="AB46" s="24">
        <v>130249</v>
      </c>
      <c r="AC46" s="25">
        <v>24028</v>
      </c>
      <c r="AD46" s="63">
        <v>18.399999999999999</v>
      </c>
      <c r="AE46" s="27">
        <v>129319</v>
      </c>
      <c r="AF46" s="25">
        <v>24480</v>
      </c>
      <c r="AG46" s="62">
        <v>18.899999999999999</v>
      </c>
      <c r="AH46" s="24">
        <v>136690</v>
      </c>
      <c r="AI46" s="25">
        <v>27036</v>
      </c>
      <c r="AJ46" s="63">
        <v>19.8</v>
      </c>
      <c r="AK46" s="27">
        <v>135601</v>
      </c>
      <c r="AL46" s="25">
        <v>27717</v>
      </c>
      <c r="AM46" s="62">
        <v>20.399999999999999</v>
      </c>
      <c r="AN46" s="24">
        <v>133541</v>
      </c>
      <c r="AO46" s="25">
        <v>28318</v>
      </c>
      <c r="AP46" s="63">
        <v>21.2</v>
      </c>
      <c r="AQ46" s="27">
        <v>131824</v>
      </c>
      <c r="AR46" s="25">
        <v>28822</v>
      </c>
      <c r="AS46" s="62">
        <v>21.9</v>
      </c>
      <c r="AT46" s="24">
        <v>130429</v>
      </c>
      <c r="AU46" s="25">
        <v>29590</v>
      </c>
      <c r="AV46" s="63">
        <v>22.7</v>
      </c>
      <c r="AW46" s="27">
        <v>129182</v>
      </c>
      <c r="AX46" s="25">
        <v>29913</v>
      </c>
      <c r="AY46" s="28">
        <v>23.2</v>
      </c>
      <c r="AZ46" s="24">
        <v>127999</v>
      </c>
      <c r="BA46" s="25">
        <v>29928</v>
      </c>
      <c r="BB46" s="63">
        <v>23.4</v>
      </c>
      <c r="BC46" s="27">
        <v>126444</v>
      </c>
      <c r="BD46" s="25">
        <v>30417</v>
      </c>
      <c r="BE46" s="28">
        <v>24.1</v>
      </c>
      <c r="BF46" s="24">
        <v>125176</v>
      </c>
      <c r="BG46" s="25">
        <v>125437</v>
      </c>
      <c r="BH46" s="25">
        <v>31376</v>
      </c>
      <c r="BI46" s="25">
        <v>31401</v>
      </c>
      <c r="BJ46" s="64">
        <v>25.1</v>
      </c>
      <c r="BK46" s="26">
        <v>25</v>
      </c>
      <c r="BL46" s="27">
        <v>125039</v>
      </c>
      <c r="BM46" s="25">
        <v>125330</v>
      </c>
      <c r="BN46" s="25">
        <v>31977</v>
      </c>
      <c r="BO46" s="25">
        <v>32004</v>
      </c>
      <c r="BP46" s="34">
        <v>25.6</v>
      </c>
      <c r="BQ46" s="62">
        <v>25.5</v>
      </c>
      <c r="BR46" s="24">
        <v>123546</v>
      </c>
      <c r="BS46" s="25">
        <v>123838</v>
      </c>
      <c r="BT46" s="25">
        <v>33161</v>
      </c>
      <c r="BU46" s="25">
        <v>33188</v>
      </c>
      <c r="BV46" s="34">
        <v>26.8</v>
      </c>
      <c r="BW46" s="26">
        <v>26.8</v>
      </c>
      <c r="BX46" s="27">
        <v>122063</v>
      </c>
      <c r="BY46" s="25">
        <v>122413</v>
      </c>
      <c r="BZ46" s="25">
        <v>33935</v>
      </c>
      <c r="CA46" s="25">
        <v>33960</v>
      </c>
      <c r="CB46" s="34">
        <v>27.8</v>
      </c>
      <c r="CC46" s="28">
        <v>27.7</v>
      </c>
      <c r="CD46" s="24">
        <v>120569</v>
      </c>
      <c r="CE46" s="25">
        <v>120900</v>
      </c>
      <c r="CF46" s="25">
        <v>34527</v>
      </c>
      <c r="CG46" s="25">
        <v>34552</v>
      </c>
      <c r="CH46" s="34">
        <v>28.6</v>
      </c>
      <c r="CI46" s="26">
        <v>28.6</v>
      </c>
      <c r="CJ46" s="27">
        <v>119166</v>
      </c>
      <c r="CK46" s="25">
        <v>119518</v>
      </c>
      <c r="CL46" s="25">
        <v>35124</v>
      </c>
      <c r="CM46" s="25">
        <v>35154</v>
      </c>
      <c r="CN46" s="34">
        <v>29.5</v>
      </c>
      <c r="CO46" s="28">
        <v>29.4</v>
      </c>
      <c r="CP46" s="24">
        <v>117546</v>
      </c>
      <c r="CQ46" s="25">
        <v>117919</v>
      </c>
      <c r="CR46" s="25">
        <v>35521</v>
      </c>
      <c r="CS46" s="25">
        <v>35553</v>
      </c>
      <c r="CT46" s="34">
        <v>30.2</v>
      </c>
      <c r="CU46" s="36">
        <v>30.2</v>
      </c>
      <c r="CV46" s="24">
        <v>115814</v>
      </c>
      <c r="CW46" s="25">
        <v>116270</v>
      </c>
      <c r="CX46" s="25">
        <v>35620</v>
      </c>
      <c r="CY46" s="25">
        <v>35651</v>
      </c>
      <c r="CZ46" s="34">
        <f t="shared" si="0"/>
        <v>30.8</v>
      </c>
      <c r="DA46" s="36">
        <f t="shared" si="1"/>
        <v>30.7</v>
      </c>
      <c r="DB46" s="24">
        <v>114220</v>
      </c>
      <c r="DC46" s="25">
        <v>114642</v>
      </c>
      <c r="DD46" s="25">
        <v>35680</v>
      </c>
      <c r="DE46" s="25">
        <v>35715</v>
      </c>
      <c r="DF46" s="34">
        <v>31.2</v>
      </c>
      <c r="DG46" s="36">
        <v>31.2</v>
      </c>
      <c r="DH46" s="24">
        <v>112460</v>
      </c>
      <c r="DI46" s="25">
        <v>112851</v>
      </c>
      <c r="DJ46" s="25">
        <v>35607</v>
      </c>
      <c r="DK46" s="25">
        <v>35645</v>
      </c>
      <c r="DL46" s="34">
        <f t="shared" si="2"/>
        <v>31.661924239729682</v>
      </c>
      <c r="DM46" s="36">
        <f t="shared" si="3"/>
        <v>31.585896447528157</v>
      </c>
      <c r="DN46" s="24">
        <v>110699</v>
      </c>
      <c r="DO46" s="25">
        <v>111253</v>
      </c>
      <c r="DP46" s="25">
        <v>35403</v>
      </c>
      <c r="DQ46" s="25">
        <v>35448</v>
      </c>
      <c r="DR46" s="34">
        <f t="shared" si="4"/>
        <v>31.981318711099465</v>
      </c>
      <c r="DS46" s="36">
        <f t="shared" si="5"/>
        <v>31.862511572721637</v>
      </c>
    </row>
    <row r="47" spans="1:123" x14ac:dyDescent="0.2">
      <c r="A47" s="173"/>
      <c r="B47" s="174"/>
      <c r="C47" s="122" t="s">
        <v>63</v>
      </c>
      <c r="D47" s="40">
        <v>160457</v>
      </c>
      <c r="E47" s="38">
        <v>28487</v>
      </c>
      <c r="F47" s="39">
        <v>17.8</v>
      </c>
      <c r="G47" s="40">
        <v>159521</v>
      </c>
      <c r="H47" s="38">
        <v>29625</v>
      </c>
      <c r="I47" s="41">
        <v>18.600000000000001</v>
      </c>
      <c r="J47" s="37">
        <v>157934</v>
      </c>
      <c r="K47" s="38">
        <v>30584</v>
      </c>
      <c r="L47" s="39">
        <v>19.399999999999999</v>
      </c>
      <c r="M47" s="40">
        <v>157122</v>
      </c>
      <c r="N47" s="38">
        <v>31757</v>
      </c>
      <c r="O47" s="41">
        <v>20.2</v>
      </c>
      <c r="P47" s="37">
        <v>156219</v>
      </c>
      <c r="Q47" s="38">
        <v>32768</v>
      </c>
      <c r="R47" s="39">
        <v>21</v>
      </c>
      <c r="S47" s="40">
        <v>155270</v>
      </c>
      <c r="T47" s="38">
        <v>33715</v>
      </c>
      <c r="U47" s="67">
        <v>21.7</v>
      </c>
      <c r="V47" s="37">
        <v>154537</v>
      </c>
      <c r="W47" s="38">
        <v>34879</v>
      </c>
      <c r="X47" s="68">
        <v>22.6</v>
      </c>
      <c r="Y47" s="40">
        <v>153702</v>
      </c>
      <c r="Z47" s="38">
        <v>35887</v>
      </c>
      <c r="AA47" s="67">
        <v>23.3</v>
      </c>
      <c r="AB47" s="37">
        <v>153124</v>
      </c>
      <c r="AC47" s="38">
        <v>37011</v>
      </c>
      <c r="AD47" s="68">
        <v>24.2</v>
      </c>
      <c r="AE47" s="40">
        <v>152014</v>
      </c>
      <c r="AF47" s="38">
        <v>37856</v>
      </c>
      <c r="AG47" s="67">
        <v>24.9</v>
      </c>
      <c r="AH47" s="37">
        <v>159857</v>
      </c>
      <c r="AI47" s="38">
        <v>41421</v>
      </c>
      <c r="AJ47" s="68">
        <v>25.9</v>
      </c>
      <c r="AK47" s="40">
        <v>159093</v>
      </c>
      <c r="AL47" s="38">
        <v>42521</v>
      </c>
      <c r="AM47" s="67">
        <v>26.7</v>
      </c>
      <c r="AN47" s="37">
        <v>157332</v>
      </c>
      <c r="AO47" s="38">
        <v>43590</v>
      </c>
      <c r="AP47" s="68">
        <v>27.7</v>
      </c>
      <c r="AQ47" s="40">
        <v>155867</v>
      </c>
      <c r="AR47" s="38">
        <v>44495</v>
      </c>
      <c r="AS47" s="67">
        <v>28.5</v>
      </c>
      <c r="AT47" s="37">
        <v>154481</v>
      </c>
      <c r="AU47" s="38">
        <v>45686</v>
      </c>
      <c r="AV47" s="68">
        <v>29.6</v>
      </c>
      <c r="AW47" s="40">
        <v>153277</v>
      </c>
      <c r="AX47" s="38">
        <v>46293</v>
      </c>
      <c r="AY47" s="41">
        <v>30.2</v>
      </c>
      <c r="AZ47" s="37">
        <v>152036</v>
      </c>
      <c r="BA47" s="38">
        <v>46527</v>
      </c>
      <c r="BB47" s="68">
        <v>30.6</v>
      </c>
      <c r="BC47" s="40">
        <v>150612</v>
      </c>
      <c r="BD47" s="38">
        <v>47379</v>
      </c>
      <c r="BE47" s="41">
        <v>31.5</v>
      </c>
      <c r="BF47" s="37">
        <v>149361</v>
      </c>
      <c r="BG47" s="38">
        <v>149826</v>
      </c>
      <c r="BH47" s="38">
        <v>48676</v>
      </c>
      <c r="BI47" s="38">
        <v>48705</v>
      </c>
      <c r="BJ47" s="69">
        <v>32.6</v>
      </c>
      <c r="BK47" s="39">
        <v>32.5</v>
      </c>
      <c r="BL47" s="40">
        <v>148673</v>
      </c>
      <c r="BM47" s="38">
        <v>149155</v>
      </c>
      <c r="BN47" s="38">
        <v>49465</v>
      </c>
      <c r="BO47" s="38">
        <v>49498</v>
      </c>
      <c r="BP47" s="47">
        <v>33.299999999999997</v>
      </c>
      <c r="BQ47" s="67">
        <v>33.200000000000003</v>
      </c>
      <c r="BR47" s="37">
        <v>147128</v>
      </c>
      <c r="BS47" s="38">
        <v>147641</v>
      </c>
      <c r="BT47" s="38">
        <v>50987</v>
      </c>
      <c r="BU47" s="38">
        <v>51022</v>
      </c>
      <c r="BV47" s="47">
        <v>34.700000000000003</v>
      </c>
      <c r="BW47" s="39">
        <v>34.6</v>
      </c>
      <c r="BX47" s="40">
        <v>145688</v>
      </c>
      <c r="BY47" s="38">
        <v>146204</v>
      </c>
      <c r="BZ47" s="38">
        <v>52116</v>
      </c>
      <c r="CA47" s="38">
        <v>52155</v>
      </c>
      <c r="CB47" s="47">
        <v>35.799999999999997</v>
      </c>
      <c r="CC47" s="41">
        <v>35.700000000000003</v>
      </c>
      <c r="CD47" s="37">
        <v>144023</v>
      </c>
      <c r="CE47" s="38">
        <v>144603</v>
      </c>
      <c r="CF47" s="38">
        <v>52979</v>
      </c>
      <c r="CG47" s="38">
        <v>53018</v>
      </c>
      <c r="CH47" s="47">
        <v>36.799999999999997</v>
      </c>
      <c r="CI47" s="39">
        <v>36.700000000000003</v>
      </c>
      <c r="CJ47" s="40">
        <v>142406</v>
      </c>
      <c r="CK47" s="38">
        <v>143001</v>
      </c>
      <c r="CL47" s="38">
        <v>53636</v>
      </c>
      <c r="CM47" s="38">
        <v>53675</v>
      </c>
      <c r="CN47" s="47">
        <v>37.700000000000003</v>
      </c>
      <c r="CO47" s="41">
        <v>37.5</v>
      </c>
      <c r="CP47" s="37">
        <v>140347</v>
      </c>
      <c r="CQ47" s="38">
        <v>141029</v>
      </c>
      <c r="CR47" s="38">
        <v>53979</v>
      </c>
      <c r="CS47" s="38">
        <v>54024</v>
      </c>
      <c r="CT47" s="47">
        <v>38.5</v>
      </c>
      <c r="CU47" s="49">
        <v>38.299999999999997</v>
      </c>
      <c r="CV47" s="37">
        <v>138332</v>
      </c>
      <c r="CW47" s="38">
        <v>139038</v>
      </c>
      <c r="CX47" s="38">
        <v>54128</v>
      </c>
      <c r="CY47" s="38">
        <v>54172</v>
      </c>
      <c r="CZ47" s="47">
        <f t="shared" si="0"/>
        <v>39.1</v>
      </c>
      <c r="DA47" s="49">
        <f t="shared" si="1"/>
        <v>39</v>
      </c>
      <c r="DB47" s="37">
        <v>136573</v>
      </c>
      <c r="DC47" s="38">
        <v>137249</v>
      </c>
      <c r="DD47" s="38">
        <v>54362</v>
      </c>
      <c r="DE47" s="38">
        <v>54407</v>
      </c>
      <c r="DF47" s="47">
        <v>39.799999999999997</v>
      </c>
      <c r="DG47" s="49">
        <v>39.6</v>
      </c>
      <c r="DH47" s="37">
        <v>134642</v>
      </c>
      <c r="DI47" s="38">
        <v>135255</v>
      </c>
      <c r="DJ47" s="38">
        <v>54468</v>
      </c>
      <c r="DK47" s="38">
        <v>54517</v>
      </c>
      <c r="DL47" s="21">
        <f t="shared" si="2"/>
        <v>40.453944534394914</v>
      </c>
      <c r="DM47" s="49">
        <f t="shared" si="3"/>
        <v>40.306827843702635</v>
      </c>
      <c r="DN47" s="37">
        <v>132381</v>
      </c>
      <c r="DO47" s="38">
        <v>133178</v>
      </c>
      <c r="DP47" s="38">
        <v>54054</v>
      </c>
      <c r="DQ47" s="38">
        <v>54108</v>
      </c>
      <c r="DR47" s="21">
        <f t="shared" si="4"/>
        <v>40.832143585559862</v>
      </c>
      <c r="DS47" s="49">
        <f t="shared" si="5"/>
        <v>40.628332006787907</v>
      </c>
    </row>
    <row r="48" spans="1:123" x14ac:dyDescent="0.2">
      <c r="A48" s="180" t="s">
        <v>26</v>
      </c>
      <c r="B48" s="179"/>
      <c r="C48" s="121" t="s">
        <v>61</v>
      </c>
      <c r="D48" s="53">
        <v>158463</v>
      </c>
      <c r="E48" s="51">
        <v>30108</v>
      </c>
      <c r="F48" s="52">
        <v>19</v>
      </c>
      <c r="G48" s="53">
        <v>157036</v>
      </c>
      <c r="H48" s="51">
        <v>31150</v>
      </c>
      <c r="I48" s="54">
        <v>19.8</v>
      </c>
      <c r="J48" s="50">
        <v>155600</v>
      </c>
      <c r="K48" s="51">
        <v>32154</v>
      </c>
      <c r="L48" s="52">
        <v>20.7</v>
      </c>
      <c r="M48" s="53">
        <v>154289</v>
      </c>
      <c r="N48" s="51">
        <v>33166</v>
      </c>
      <c r="O48" s="54">
        <v>21.5</v>
      </c>
      <c r="P48" s="50">
        <v>153394</v>
      </c>
      <c r="Q48" s="51">
        <v>34019</v>
      </c>
      <c r="R48" s="52">
        <v>22.2</v>
      </c>
      <c r="S48" s="53">
        <v>151932</v>
      </c>
      <c r="T48" s="51">
        <v>34928</v>
      </c>
      <c r="U48" s="58">
        <v>23</v>
      </c>
      <c r="V48" s="50">
        <v>150311</v>
      </c>
      <c r="W48" s="51">
        <v>35808</v>
      </c>
      <c r="X48" s="55">
        <v>23.8</v>
      </c>
      <c r="Y48" s="53">
        <v>148667</v>
      </c>
      <c r="Z48" s="51">
        <v>36524</v>
      </c>
      <c r="AA48" s="58">
        <v>24.6</v>
      </c>
      <c r="AB48" s="50">
        <v>147196</v>
      </c>
      <c r="AC48" s="51">
        <v>37270</v>
      </c>
      <c r="AD48" s="55">
        <v>25.3</v>
      </c>
      <c r="AE48" s="53">
        <v>145674</v>
      </c>
      <c r="AF48" s="51">
        <v>37958</v>
      </c>
      <c r="AG48" s="58">
        <v>26.1</v>
      </c>
      <c r="AH48" s="50">
        <v>143900</v>
      </c>
      <c r="AI48" s="51">
        <v>38402</v>
      </c>
      <c r="AJ48" s="55">
        <v>26.7</v>
      </c>
      <c r="AK48" s="53">
        <v>141605</v>
      </c>
      <c r="AL48" s="51">
        <v>39103</v>
      </c>
      <c r="AM48" s="58">
        <v>27.6</v>
      </c>
      <c r="AN48" s="50">
        <v>139712</v>
      </c>
      <c r="AO48" s="51">
        <v>39885</v>
      </c>
      <c r="AP48" s="55">
        <v>28.5</v>
      </c>
      <c r="AQ48" s="53">
        <v>137693</v>
      </c>
      <c r="AR48" s="51">
        <v>40526</v>
      </c>
      <c r="AS48" s="58">
        <v>29.4</v>
      </c>
      <c r="AT48" s="50">
        <v>135500</v>
      </c>
      <c r="AU48" s="51">
        <v>41164</v>
      </c>
      <c r="AV48" s="55">
        <v>30.4</v>
      </c>
      <c r="AW48" s="53">
        <v>133604</v>
      </c>
      <c r="AX48" s="51">
        <v>41586</v>
      </c>
      <c r="AY48" s="54">
        <v>31.1</v>
      </c>
      <c r="AZ48" s="50">
        <v>131744</v>
      </c>
      <c r="BA48" s="51">
        <v>41675</v>
      </c>
      <c r="BB48" s="55">
        <v>31.6</v>
      </c>
      <c r="BC48" s="53">
        <v>130255</v>
      </c>
      <c r="BD48" s="51">
        <v>42155</v>
      </c>
      <c r="BE48" s="54">
        <v>32.4</v>
      </c>
      <c r="BF48" s="50">
        <v>127970</v>
      </c>
      <c r="BG48" s="51">
        <v>128405</v>
      </c>
      <c r="BH48" s="51">
        <v>43131</v>
      </c>
      <c r="BI48" s="51">
        <v>43163</v>
      </c>
      <c r="BJ48" s="56">
        <v>33.700000000000003</v>
      </c>
      <c r="BK48" s="52">
        <v>33.6</v>
      </c>
      <c r="BL48" s="53">
        <v>126781</v>
      </c>
      <c r="BM48" s="51">
        <v>127224</v>
      </c>
      <c r="BN48" s="51">
        <v>43669</v>
      </c>
      <c r="BO48" s="51">
        <v>43704</v>
      </c>
      <c r="BP48" s="57">
        <v>34.4</v>
      </c>
      <c r="BQ48" s="58">
        <v>34.4</v>
      </c>
      <c r="BR48" s="50">
        <v>124553</v>
      </c>
      <c r="BS48" s="51">
        <v>125028</v>
      </c>
      <c r="BT48" s="51">
        <v>44826</v>
      </c>
      <c r="BU48" s="51">
        <v>44860</v>
      </c>
      <c r="BV48" s="57">
        <v>36</v>
      </c>
      <c r="BW48" s="52">
        <v>35.9</v>
      </c>
      <c r="BX48" s="53">
        <v>122438</v>
      </c>
      <c r="BY48" s="51">
        <v>122927</v>
      </c>
      <c r="BZ48" s="51">
        <v>45478</v>
      </c>
      <c r="CA48" s="51">
        <v>45519</v>
      </c>
      <c r="CB48" s="57">
        <v>37.1</v>
      </c>
      <c r="CC48" s="54">
        <v>37</v>
      </c>
      <c r="CD48" s="50">
        <v>120220</v>
      </c>
      <c r="CE48" s="51">
        <v>120769</v>
      </c>
      <c r="CF48" s="51">
        <v>45887</v>
      </c>
      <c r="CG48" s="51">
        <v>45926</v>
      </c>
      <c r="CH48" s="57">
        <v>38.200000000000003</v>
      </c>
      <c r="CI48" s="52">
        <v>38</v>
      </c>
      <c r="CJ48" s="53">
        <v>118354</v>
      </c>
      <c r="CK48" s="51">
        <v>118948</v>
      </c>
      <c r="CL48" s="51">
        <v>46152</v>
      </c>
      <c r="CM48" s="51">
        <v>46195</v>
      </c>
      <c r="CN48" s="57">
        <v>39</v>
      </c>
      <c r="CO48" s="54">
        <v>38.799999999999997</v>
      </c>
      <c r="CP48" s="50">
        <v>115898</v>
      </c>
      <c r="CQ48" s="51">
        <v>116529</v>
      </c>
      <c r="CR48" s="51">
        <v>46251</v>
      </c>
      <c r="CS48" s="51">
        <v>46300</v>
      </c>
      <c r="CT48" s="57">
        <v>39.9</v>
      </c>
      <c r="CU48" s="61">
        <v>39.700000000000003</v>
      </c>
      <c r="CV48" s="50">
        <v>113734</v>
      </c>
      <c r="CW48" s="51">
        <v>114425</v>
      </c>
      <c r="CX48" s="51">
        <v>46229</v>
      </c>
      <c r="CY48" s="51">
        <v>46285</v>
      </c>
      <c r="CZ48" s="21">
        <f t="shared" si="0"/>
        <v>40.6</v>
      </c>
      <c r="DA48" s="23">
        <f t="shared" si="1"/>
        <v>40.5</v>
      </c>
      <c r="DB48" s="50">
        <v>111768</v>
      </c>
      <c r="DC48" s="51">
        <v>112450</v>
      </c>
      <c r="DD48" s="51">
        <v>46004</v>
      </c>
      <c r="DE48" s="51">
        <v>46055</v>
      </c>
      <c r="DF48" s="21">
        <v>41.2</v>
      </c>
      <c r="DG48" s="23">
        <v>41</v>
      </c>
      <c r="DH48" s="50">
        <v>109820</v>
      </c>
      <c r="DI48" s="51">
        <v>110426</v>
      </c>
      <c r="DJ48" s="51">
        <v>45561</v>
      </c>
      <c r="DK48" s="51">
        <v>45613</v>
      </c>
      <c r="DL48" s="57">
        <f t="shared" si="2"/>
        <v>41.486978692405756</v>
      </c>
      <c r="DM48" s="23">
        <f t="shared" si="3"/>
        <v>41.306395233006718</v>
      </c>
      <c r="DN48" s="50">
        <v>107813</v>
      </c>
      <c r="DO48" s="51">
        <v>108548</v>
      </c>
      <c r="DP48" s="51">
        <v>44974</v>
      </c>
      <c r="DQ48" s="51">
        <v>45034</v>
      </c>
      <c r="DR48" s="57">
        <f t="shared" si="4"/>
        <v>41.714821032714049</v>
      </c>
      <c r="DS48" s="23">
        <f t="shared" si="5"/>
        <v>41.487636805837049</v>
      </c>
    </row>
    <row r="49" spans="1:123" x14ac:dyDescent="0.2">
      <c r="A49" s="171"/>
      <c r="B49" s="172"/>
      <c r="C49" s="123" t="s">
        <v>62</v>
      </c>
      <c r="D49" s="27">
        <v>73017</v>
      </c>
      <c r="E49" s="25">
        <v>11996</v>
      </c>
      <c r="F49" s="26">
        <v>16.399999999999999</v>
      </c>
      <c r="G49" s="27">
        <v>72325</v>
      </c>
      <c r="H49" s="25">
        <v>12444</v>
      </c>
      <c r="I49" s="28">
        <v>17.2</v>
      </c>
      <c r="J49" s="24">
        <v>71666</v>
      </c>
      <c r="K49" s="25">
        <v>12863</v>
      </c>
      <c r="L49" s="26">
        <v>17.899999999999999</v>
      </c>
      <c r="M49" s="27">
        <v>70887</v>
      </c>
      <c r="N49" s="25">
        <v>13257</v>
      </c>
      <c r="O49" s="28">
        <v>18.7</v>
      </c>
      <c r="P49" s="24">
        <v>70489</v>
      </c>
      <c r="Q49" s="25">
        <v>13587</v>
      </c>
      <c r="R49" s="26">
        <v>19.3</v>
      </c>
      <c r="S49" s="27">
        <v>69673</v>
      </c>
      <c r="T49" s="25">
        <v>13939</v>
      </c>
      <c r="U49" s="62">
        <v>20</v>
      </c>
      <c r="V49" s="24">
        <v>68916</v>
      </c>
      <c r="W49" s="25">
        <v>14297</v>
      </c>
      <c r="X49" s="63">
        <v>20.7</v>
      </c>
      <c r="Y49" s="27">
        <v>68091</v>
      </c>
      <c r="Z49" s="25">
        <v>14582</v>
      </c>
      <c r="AA49" s="62">
        <v>21.4</v>
      </c>
      <c r="AB49" s="24">
        <v>67376</v>
      </c>
      <c r="AC49" s="25">
        <v>14839</v>
      </c>
      <c r="AD49" s="63">
        <v>22</v>
      </c>
      <c r="AE49" s="27">
        <v>66536</v>
      </c>
      <c r="AF49" s="25">
        <v>15094</v>
      </c>
      <c r="AG49" s="62">
        <v>22.7</v>
      </c>
      <c r="AH49" s="24">
        <v>65680</v>
      </c>
      <c r="AI49" s="25">
        <v>15230</v>
      </c>
      <c r="AJ49" s="63">
        <v>23.2</v>
      </c>
      <c r="AK49" s="27">
        <v>64522</v>
      </c>
      <c r="AL49" s="25">
        <v>15412</v>
      </c>
      <c r="AM49" s="62">
        <v>23.9</v>
      </c>
      <c r="AN49" s="24">
        <v>63652</v>
      </c>
      <c r="AO49" s="25">
        <v>15768</v>
      </c>
      <c r="AP49" s="63">
        <v>24.8</v>
      </c>
      <c r="AQ49" s="27">
        <v>62649</v>
      </c>
      <c r="AR49" s="25">
        <v>16047</v>
      </c>
      <c r="AS49" s="62">
        <v>25.6</v>
      </c>
      <c r="AT49" s="24">
        <v>61546</v>
      </c>
      <c r="AU49" s="25">
        <v>16284</v>
      </c>
      <c r="AV49" s="63">
        <v>26.5</v>
      </c>
      <c r="AW49" s="27">
        <v>60606</v>
      </c>
      <c r="AX49" s="25">
        <v>16405</v>
      </c>
      <c r="AY49" s="28">
        <v>27.1</v>
      </c>
      <c r="AZ49" s="24">
        <v>59633</v>
      </c>
      <c r="BA49" s="25">
        <v>16350</v>
      </c>
      <c r="BB49" s="63">
        <v>27.4</v>
      </c>
      <c r="BC49" s="27">
        <v>59018</v>
      </c>
      <c r="BD49" s="25">
        <v>16560</v>
      </c>
      <c r="BE49" s="28">
        <v>28.1</v>
      </c>
      <c r="BF49" s="24">
        <v>57859</v>
      </c>
      <c r="BG49" s="25">
        <v>58054</v>
      </c>
      <c r="BH49" s="25">
        <v>16991</v>
      </c>
      <c r="BI49" s="25">
        <v>17010</v>
      </c>
      <c r="BJ49" s="64">
        <v>29.4</v>
      </c>
      <c r="BK49" s="26">
        <v>29.3</v>
      </c>
      <c r="BL49" s="27">
        <v>57296</v>
      </c>
      <c r="BM49" s="25">
        <v>57494</v>
      </c>
      <c r="BN49" s="25">
        <v>17217</v>
      </c>
      <c r="BO49" s="25">
        <v>17238</v>
      </c>
      <c r="BP49" s="34">
        <v>30</v>
      </c>
      <c r="BQ49" s="62">
        <v>30</v>
      </c>
      <c r="BR49" s="24">
        <v>56249</v>
      </c>
      <c r="BS49" s="25">
        <v>56461</v>
      </c>
      <c r="BT49" s="25">
        <v>17722</v>
      </c>
      <c r="BU49" s="25">
        <v>17741</v>
      </c>
      <c r="BV49" s="34">
        <v>31.5</v>
      </c>
      <c r="BW49" s="26">
        <v>31.4</v>
      </c>
      <c r="BX49" s="27">
        <v>55280</v>
      </c>
      <c r="BY49" s="25">
        <v>55515</v>
      </c>
      <c r="BZ49" s="25">
        <v>18060</v>
      </c>
      <c r="CA49" s="25">
        <v>18081</v>
      </c>
      <c r="CB49" s="34">
        <v>32.700000000000003</v>
      </c>
      <c r="CC49" s="28">
        <v>32.6</v>
      </c>
      <c r="CD49" s="24">
        <v>54238</v>
      </c>
      <c r="CE49" s="25">
        <v>54483</v>
      </c>
      <c r="CF49" s="25">
        <v>18207</v>
      </c>
      <c r="CG49" s="25">
        <v>18226</v>
      </c>
      <c r="CH49" s="34">
        <v>33.6</v>
      </c>
      <c r="CI49" s="26">
        <v>33.5</v>
      </c>
      <c r="CJ49" s="27">
        <v>53393</v>
      </c>
      <c r="CK49" s="25">
        <v>53652</v>
      </c>
      <c r="CL49" s="25">
        <v>18319</v>
      </c>
      <c r="CM49" s="25">
        <v>18339</v>
      </c>
      <c r="CN49" s="34">
        <v>34.299999999999997</v>
      </c>
      <c r="CO49" s="28">
        <v>34.200000000000003</v>
      </c>
      <c r="CP49" s="24">
        <v>52269</v>
      </c>
      <c r="CQ49" s="25">
        <v>52536</v>
      </c>
      <c r="CR49" s="25">
        <v>18346</v>
      </c>
      <c r="CS49" s="25">
        <v>18369</v>
      </c>
      <c r="CT49" s="34">
        <v>35.1</v>
      </c>
      <c r="CU49" s="36">
        <v>35</v>
      </c>
      <c r="CV49" s="24">
        <v>51346</v>
      </c>
      <c r="CW49" s="25">
        <v>51655</v>
      </c>
      <c r="CX49" s="25">
        <v>18338</v>
      </c>
      <c r="CY49" s="25">
        <v>18363</v>
      </c>
      <c r="CZ49" s="34">
        <f t="shared" si="0"/>
        <v>35.700000000000003</v>
      </c>
      <c r="DA49" s="36">
        <f t="shared" si="1"/>
        <v>35.5</v>
      </c>
      <c r="DB49" s="24">
        <v>50425</v>
      </c>
      <c r="DC49" s="25">
        <v>50712</v>
      </c>
      <c r="DD49" s="25">
        <v>18214</v>
      </c>
      <c r="DE49" s="25">
        <v>18237</v>
      </c>
      <c r="DF49" s="34">
        <v>36.1</v>
      </c>
      <c r="DG49" s="36">
        <v>36</v>
      </c>
      <c r="DH49" s="24">
        <v>49553</v>
      </c>
      <c r="DI49" s="25">
        <v>49829</v>
      </c>
      <c r="DJ49" s="25">
        <v>18101</v>
      </c>
      <c r="DK49" s="25">
        <v>18124</v>
      </c>
      <c r="DL49" s="34">
        <f t="shared" si="2"/>
        <v>36.528565374447567</v>
      </c>
      <c r="DM49" s="36">
        <f t="shared" si="3"/>
        <v>36.372393586064341</v>
      </c>
      <c r="DN49" s="24">
        <v>48700</v>
      </c>
      <c r="DO49" s="25">
        <v>49057</v>
      </c>
      <c r="DP49" s="25">
        <v>17926</v>
      </c>
      <c r="DQ49" s="25">
        <v>17954</v>
      </c>
      <c r="DR49" s="34">
        <f t="shared" si="4"/>
        <v>36.809034907597535</v>
      </c>
      <c r="DS49" s="36">
        <f t="shared" si="5"/>
        <v>36.598242860346133</v>
      </c>
    </row>
    <row r="50" spans="1:123" x14ac:dyDescent="0.2">
      <c r="A50" s="173"/>
      <c r="B50" s="174"/>
      <c r="C50" s="122" t="s">
        <v>63</v>
      </c>
      <c r="D50" s="40">
        <v>85446</v>
      </c>
      <c r="E50" s="38">
        <v>18112</v>
      </c>
      <c r="F50" s="39">
        <v>21.2</v>
      </c>
      <c r="G50" s="40">
        <v>84711</v>
      </c>
      <c r="H50" s="38">
        <v>18706</v>
      </c>
      <c r="I50" s="41">
        <v>22.1</v>
      </c>
      <c r="J50" s="37">
        <v>83934</v>
      </c>
      <c r="K50" s="38">
        <v>19291</v>
      </c>
      <c r="L50" s="39">
        <v>23</v>
      </c>
      <c r="M50" s="40">
        <v>83402</v>
      </c>
      <c r="N50" s="38">
        <v>19909</v>
      </c>
      <c r="O50" s="41">
        <v>23.9</v>
      </c>
      <c r="P50" s="37">
        <v>82905</v>
      </c>
      <c r="Q50" s="38">
        <v>20432</v>
      </c>
      <c r="R50" s="39">
        <v>24.6</v>
      </c>
      <c r="S50" s="40">
        <v>82259</v>
      </c>
      <c r="T50" s="38">
        <v>20989</v>
      </c>
      <c r="U50" s="67">
        <v>25.5</v>
      </c>
      <c r="V50" s="37">
        <v>81395</v>
      </c>
      <c r="W50" s="38">
        <v>21511</v>
      </c>
      <c r="X50" s="68">
        <v>26.4</v>
      </c>
      <c r="Y50" s="40">
        <v>80576</v>
      </c>
      <c r="Z50" s="38">
        <v>21942</v>
      </c>
      <c r="AA50" s="67">
        <v>27.2</v>
      </c>
      <c r="AB50" s="37">
        <v>79820</v>
      </c>
      <c r="AC50" s="38">
        <v>22431</v>
      </c>
      <c r="AD50" s="68">
        <v>28.1</v>
      </c>
      <c r="AE50" s="40">
        <v>79138</v>
      </c>
      <c r="AF50" s="38">
        <v>22864</v>
      </c>
      <c r="AG50" s="67">
        <v>28.9</v>
      </c>
      <c r="AH50" s="37">
        <v>78220</v>
      </c>
      <c r="AI50" s="38">
        <v>23172</v>
      </c>
      <c r="AJ50" s="68">
        <v>29.6</v>
      </c>
      <c r="AK50" s="40">
        <v>77083</v>
      </c>
      <c r="AL50" s="38">
        <v>23691</v>
      </c>
      <c r="AM50" s="67">
        <v>30.7</v>
      </c>
      <c r="AN50" s="37">
        <v>76060</v>
      </c>
      <c r="AO50" s="38">
        <v>24117</v>
      </c>
      <c r="AP50" s="68">
        <v>31.7</v>
      </c>
      <c r="AQ50" s="40">
        <v>75044</v>
      </c>
      <c r="AR50" s="38">
        <v>24479</v>
      </c>
      <c r="AS50" s="67">
        <v>32.6</v>
      </c>
      <c r="AT50" s="37">
        <v>73954</v>
      </c>
      <c r="AU50" s="38">
        <v>24880</v>
      </c>
      <c r="AV50" s="68">
        <v>33.6</v>
      </c>
      <c r="AW50" s="40">
        <v>72998</v>
      </c>
      <c r="AX50" s="38">
        <v>25181</v>
      </c>
      <c r="AY50" s="41">
        <v>34.5</v>
      </c>
      <c r="AZ50" s="37">
        <v>72111</v>
      </c>
      <c r="BA50" s="38">
        <v>25325</v>
      </c>
      <c r="BB50" s="68">
        <v>35.1</v>
      </c>
      <c r="BC50" s="40">
        <v>71237</v>
      </c>
      <c r="BD50" s="38">
        <v>25595</v>
      </c>
      <c r="BE50" s="41">
        <v>35.9</v>
      </c>
      <c r="BF50" s="37">
        <v>70111</v>
      </c>
      <c r="BG50" s="38">
        <v>70351</v>
      </c>
      <c r="BH50" s="38">
        <v>26140</v>
      </c>
      <c r="BI50" s="38">
        <v>26153</v>
      </c>
      <c r="BJ50" s="69">
        <v>37.299999999999997</v>
      </c>
      <c r="BK50" s="39">
        <v>37.200000000000003</v>
      </c>
      <c r="BL50" s="40">
        <v>69485</v>
      </c>
      <c r="BM50" s="38">
        <v>69730</v>
      </c>
      <c r="BN50" s="38">
        <v>26452</v>
      </c>
      <c r="BO50" s="38">
        <v>26466</v>
      </c>
      <c r="BP50" s="47">
        <v>38.1</v>
      </c>
      <c r="BQ50" s="67">
        <v>38</v>
      </c>
      <c r="BR50" s="37">
        <v>68304</v>
      </c>
      <c r="BS50" s="38">
        <v>68567</v>
      </c>
      <c r="BT50" s="38">
        <v>27104</v>
      </c>
      <c r="BU50" s="38">
        <v>27119</v>
      </c>
      <c r="BV50" s="47">
        <v>39.700000000000003</v>
      </c>
      <c r="BW50" s="39">
        <v>39.6</v>
      </c>
      <c r="BX50" s="40">
        <v>67158</v>
      </c>
      <c r="BY50" s="38">
        <v>67412</v>
      </c>
      <c r="BZ50" s="38">
        <v>27418</v>
      </c>
      <c r="CA50" s="38">
        <v>27438</v>
      </c>
      <c r="CB50" s="47">
        <v>40.799999999999997</v>
      </c>
      <c r="CC50" s="41">
        <v>40.700000000000003</v>
      </c>
      <c r="CD50" s="37">
        <v>65982</v>
      </c>
      <c r="CE50" s="38">
        <v>66286</v>
      </c>
      <c r="CF50" s="38">
        <v>27680</v>
      </c>
      <c r="CG50" s="38">
        <v>27700</v>
      </c>
      <c r="CH50" s="47">
        <v>42</v>
      </c>
      <c r="CI50" s="39">
        <v>41.8</v>
      </c>
      <c r="CJ50" s="40">
        <v>64961</v>
      </c>
      <c r="CK50" s="38">
        <v>65296</v>
      </c>
      <c r="CL50" s="38">
        <v>27833</v>
      </c>
      <c r="CM50" s="38">
        <v>27856</v>
      </c>
      <c r="CN50" s="47">
        <v>42.8</v>
      </c>
      <c r="CO50" s="41">
        <v>42.7</v>
      </c>
      <c r="CP50" s="37">
        <v>63629</v>
      </c>
      <c r="CQ50" s="38">
        <v>63993</v>
      </c>
      <c r="CR50" s="38">
        <v>27905</v>
      </c>
      <c r="CS50" s="38">
        <v>27931</v>
      </c>
      <c r="CT50" s="47">
        <v>43.9</v>
      </c>
      <c r="CU50" s="49">
        <v>43.6</v>
      </c>
      <c r="CV50" s="37">
        <v>62388</v>
      </c>
      <c r="CW50" s="38">
        <v>62770</v>
      </c>
      <c r="CX50" s="38">
        <v>27891</v>
      </c>
      <c r="CY50" s="38">
        <v>27922</v>
      </c>
      <c r="CZ50" s="47">
        <f t="shared" si="0"/>
        <v>44.7</v>
      </c>
      <c r="DA50" s="49">
        <f t="shared" si="1"/>
        <v>44.5</v>
      </c>
      <c r="DB50" s="37">
        <v>61343</v>
      </c>
      <c r="DC50" s="38">
        <v>61738</v>
      </c>
      <c r="DD50" s="38">
        <v>27790</v>
      </c>
      <c r="DE50" s="38">
        <v>27818</v>
      </c>
      <c r="DF50" s="47">
        <v>45.3</v>
      </c>
      <c r="DG50" s="49">
        <v>45.1</v>
      </c>
      <c r="DH50" s="37">
        <v>60267</v>
      </c>
      <c r="DI50" s="38">
        <v>60597</v>
      </c>
      <c r="DJ50" s="38">
        <v>27460</v>
      </c>
      <c r="DK50" s="38">
        <v>27489</v>
      </c>
      <c r="DL50" s="47">
        <f t="shared" si="2"/>
        <v>45.563907279273899</v>
      </c>
      <c r="DM50" s="49">
        <f t="shared" si="3"/>
        <v>45.363631862963508</v>
      </c>
      <c r="DN50" s="37">
        <v>59113</v>
      </c>
      <c r="DO50" s="38">
        <v>59491</v>
      </c>
      <c r="DP50" s="38">
        <v>27048</v>
      </c>
      <c r="DQ50" s="38">
        <v>27080</v>
      </c>
      <c r="DR50" s="47">
        <f t="shared" si="4"/>
        <v>45.756432595199023</v>
      </c>
      <c r="DS50" s="49">
        <f t="shared" si="5"/>
        <v>45.519490343077102</v>
      </c>
    </row>
    <row r="51" spans="1:123" x14ac:dyDescent="0.2">
      <c r="A51" s="175" t="s">
        <v>27</v>
      </c>
      <c r="B51" s="176"/>
      <c r="C51" s="121" t="s">
        <v>61</v>
      </c>
      <c r="D51" s="53">
        <v>360481</v>
      </c>
      <c r="E51" s="51">
        <v>51276</v>
      </c>
      <c r="F51" s="52">
        <v>14.2</v>
      </c>
      <c r="G51" s="53">
        <v>361349</v>
      </c>
      <c r="H51" s="51">
        <v>53921</v>
      </c>
      <c r="I51" s="54">
        <v>14.9</v>
      </c>
      <c r="J51" s="50">
        <v>362547</v>
      </c>
      <c r="K51" s="51">
        <v>56268</v>
      </c>
      <c r="L51" s="52">
        <v>15.5</v>
      </c>
      <c r="M51" s="53">
        <v>362603</v>
      </c>
      <c r="N51" s="51">
        <v>59170</v>
      </c>
      <c r="O51" s="54">
        <v>16.3</v>
      </c>
      <c r="P51" s="50">
        <v>362785</v>
      </c>
      <c r="Q51" s="51">
        <v>61558</v>
      </c>
      <c r="R51" s="52">
        <v>17</v>
      </c>
      <c r="S51" s="53">
        <v>362143</v>
      </c>
      <c r="T51" s="51">
        <v>64059</v>
      </c>
      <c r="U51" s="58">
        <v>17.7</v>
      </c>
      <c r="V51" s="50">
        <v>361501</v>
      </c>
      <c r="W51" s="51">
        <v>66921</v>
      </c>
      <c r="X51" s="55">
        <v>18.5</v>
      </c>
      <c r="Y51" s="53">
        <v>361372</v>
      </c>
      <c r="Z51" s="51">
        <v>69505</v>
      </c>
      <c r="AA51" s="58">
        <v>19.2</v>
      </c>
      <c r="AB51" s="50">
        <v>360995</v>
      </c>
      <c r="AC51" s="51">
        <v>72111</v>
      </c>
      <c r="AD51" s="55">
        <v>20</v>
      </c>
      <c r="AE51" s="53">
        <v>360065</v>
      </c>
      <c r="AF51" s="51">
        <v>74227</v>
      </c>
      <c r="AG51" s="58">
        <v>20.6</v>
      </c>
      <c r="AH51" s="50">
        <v>358795</v>
      </c>
      <c r="AI51" s="51">
        <v>76251</v>
      </c>
      <c r="AJ51" s="55">
        <v>21.3</v>
      </c>
      <c r="AK51" s="53">
        <v>358811</v>
      </c>
      <c r="AL51" s="51">
        <v>78812</v>
      </c>
      <c r="AM51" s="58">
        <v>22</v>
      </c>
      <c r="AN51" s="50">
        <v>357182</v>
      </c>
      <c r="AO51" s="51">
        <v>81877</v>
      </c>
      <c r="AP51" s="55">
        <v>22.9</v>
      </c>
      <c r="AQ51" s="53">
        <v>356203</v>
      </c>
      <c r="AR51" s="51">
        <v>84550</v>
      </c>
      <c r="AS51" s="58">
        <v>23.7</v>
      </c>
      <c r="AT51" s="50">
        <v>354559</v>
      </c>
      <c r="AU51" s="51">
        <v>87355</v>
      </c>
      <c r="AV51" s="55">
        <v>24.6</v>
      </c>
      <c r="AW51" s="53">
        <v>353289</v>
      </c>
      <c r="AX51" s="51">
        <v>89357</v>
      </c>
      <c r="AY51" s="54">
        <v>25.3</v>
      </c>
      <c r="AZ51" s="50">
        <v>352004</v>
      </c>
      <c r="BA51" s="51">
        <v>90617</v>
      </c>
      <c r="BB51" s="55">
        <v>25.7</v>
      </c>
      <c r="BC51" s="53">
        <v>350511</v>
      </c>
      <c r="BD51" s="51">
        <v>93410</v>
      </c>
      <c r="BE51" s="54">
        <v>26.6</v>
      </c>
      <c r="BF51" s="50">
        <v>348658</v>
      </c>
      <c r="BG51" s="51">
        <v>349332</v>
      </c>
      <c r="BH51" s="51">
        <v>96409</v>
      </c>
      <c r="BI51" s="51">
        <v>96493</v>
      </c>
      <c r="BJ51" s="56">
        <v>27.7</v>
      </c>
      <c r="BK51" s="52">
        <v>27.6</v>
      </c>
      <c r="BL51" s="53">
        <v>348378</v>
      </c>
      <c r="BM51" s="51">
        <v>349057</v>
      </c>
      <c r="BN51" s="51">
        <v>98538</v>
      </c>
      <c r="BO51" s="51">
        <v>98622</v>
      </c>
      <c r="BP51" s="57">
        <v>28.3</v>
      </c>
      <c r="BQ51" s="58">
        <v>28.3</v>
      </c>
      <c r="BR51" s="50">
        <v>346507</v>
      </c>
      <c r="BS51" s="51">
        <v>347207</v>
      </c>
      <c r="BT51" s="51">
        <v>102319</v>
      </c>
      <c r="BU51" s="51">
        <v>102409</v>
      </c>
      <c r="BV51" s="57">
        <v>29.5</v>
      </c>
      <c r="BW51" s="52">
        <v>29.5</v>
      </c>
      <c r="BX51" s="53">
        <v>344500</v>
      </c>
      <c r="BY51" s="51">
        <v>345288</v>
      </c>
      <c r="BZ51" s="51">
        <v>105178</v>
      </c>
      <c r="CA51" s="51">
        <v>105270</v>
      </c>
      <c r="CB51" s="57">
        <v>30.5</v>
      </c>
      <c r="CC51" s="54">
        <v>30.5</v>
      </c>
      <c r="CD51" s="50">
        <v>342036</v>
      </c>
      <c r="CE51" s="51">
        <v>342848</v>
      </c>
      <c r="CF51" s="51">
        <v>107602</v>
      </c>
      <c r="CG51" s="51">
        <v>107698</v>
      </c>
      <c r="CH51" s="57">
        <v>31.5</v>
      </c>
      <c r="CI51" s="52">
        <v>31.4</v>
      </c>
      <c r="CJ51" s="53">
        <v>339278</v>
      </c>
      <c r="CK51" s="51">
        <v>340211</v>
      </c>
      <c r="CL51" s="51">
        <v>109591</v>
      </c>
      <c r="CM51" s="51">
        <v>109694</v>
      </c>
      <c r="CN51" s="57">
        <v>32.299999999999997</v>
      </c>
      <c r="CO51" s="54">
        <v>32.200000000000003</v>
      </c>
      <c r="CP51" s="50">
        <v>336318</v>
      </c>
      <c r="CQ51" s="51">
        <v>337392</v>
      </c>
      <c r="CR51" s="51">
        <v>110948</v>
      </c>
      <c r="CS51" s="51">
        <v>111051</v>
      </c>
      <c r="CT51" s="57">
        <v>33</v>
      </c>
      <c r="CU51" s="61">
        <v>32.9</v>
      </c>
      <c r="CV51" s="50">
        <v>332805</v>
      </c>
      <c r="CW51" s="51">
        <v>334070</v>
      </c>
      <c r="CX51" s="51">
        <v>111911</v>
      </c>
      <c r="CY51" s="51">
        <v>112016</v>
      </c>
      <c r="CZ51" s="21">
        <f t="shared" si="0"/>
        <v>33.6</v>
      </c>
      <c r="DA51" s="23">
        <f t="shared" si="1"/>
        <v>33.5</v>
      </c>
      <c r="DB51" s="50">
        <v>330165</v>
      </c>
      <c r="DC51" s="51">
        <v>331397</v>
      </c>
      <c r="DD51" s="51">
        <v>112537</v>
      </c>
      <c r="DE51" s="51">
        <v>112649</v>
      </c>
      <c r="DF51" s="21">
        <v>34.1</v>
      </c>
      <c r="DG51" s="23">
        <v>34</v>
      </c>
      <c r="DH51" s="50">
        <v>326772</v>
      </c>
      <c r="DI51" s="51">
        <v>327960</v>
      </c>
      <c r="DJ51" s="51">
        <v>112780</v>
      </c>
      <c r="DK51" s="51">
        <v>112897</v>
      </c>
      <c r="DL51" s="21">
        <f t="shared" si="2"/>
        <v>34.513360997882316</v>
      </c>
      <c r="DM51" s="23">
        <f t="shared" si="3"/>
        <v>34.424015123795584</v>
      </c>
      <c r="DN51" s="50">
        <v>322894</v>
      </c>
      <c r="DO51" s="51">
        <v>324186</v>
      </c>
      <c r="DP51" s="51">
        <v>112644</v>
      </c>
      <c r="DQ51" s="51">
        <v>112764</v>
      </c>
      <c r="DR51" s="21">
        <f t="shared" si="4"/>
        <v>34.885751980526116</v>
      </c>
      <c r="DS51" s="23">
        <f t="shared" si="5"/>
        <v>34.78373526308971</v>
      </c>
    </row>
    <row r="52" spans="1:123" x14ac:dyDescent="0.2">
      <c r="A52" s="175"/>
      <c r="B52" s="176"/>
      <c r="C52" s="123" t="s">
        <v>62</v>
      </c>
      <c r="D52" s="27">
        <v>171576</v>
      </c>
      <c r="E52" s="25">
        <v>22021</v>
      </c>
      <c r="F52" s="26">
        <v>12.8</v>
      </c>
      <c r="G52" s="27">
        <v>171879</v>
      </c>
      <c r="H52" s="25">
        <v>23166</v>
      </c>
      <c r="I52" s="28">
        <v>13.5</v>
      </c>
      <c r="J52" s="24">
        <v>172437</v>
      </c>
      <c r="K52" s="25">
        <v>24198</v>
      </c>
      <c r="L52" s="26">
        <v>14</v>
      </c>
      <c r="M52" s="27">
        <v>172274</v>
      </c>
      <c r="N52" s="25">
        <v>25541</v>
      </c>
      <c r="O52" s="28">
        <v>14.8</v>
      </c>
      <c r="P52" s="24">
        <v>172172</v>
      </c>
      <c r="Q52" s="25">
        <v>26594</v>
      </c>
      <c r="R52" s="26">
        <v>15.4</v>
      </c>
      <c r="S52" s="27">
        <v>171735</v>
      </c>
      <c r="T52" s="25">
        <v>27665</v>
      </c>
      <c r="U52" s="62">
        <v>16.100000000000001</v>
      </c>
      <c r="V52" s="24">
        <v>171131</v>
      </c>
      <c r="W52" s="25">
        <v>28918</v>
      </c>
      <c r="X52" s="63">
        <v>16.899999999999999</v>
      </c>
      <c r="Y52" s="27">
        <v>171010</v>
      </c>
      <c r="Z52" s="25">
        <v>29994</v>
      </c>
      <c r="AA52" s="62">
        <v>17.5</v>
      </c>
      <c r="AB52" s="24">
        <v>170561</v>
      </c>
      <c r="AC52" s="25">
        <v>31085</v>
      </c>
      <c r="AD52" s="63">
        <v>18.2</v>
      </c>
      <c r="AE52" s="27">
        <v>169731</v>
      </c>
      <c r="AF52" s="25">
        <v>31875</v>
      </c>
      <c r="AG52" s="62">
        <v>18.8</v>
      </c>
      <c r="AH52" s="24">
        <v>168842</v>
      </c>
      <c r="AI52" s="25">
        <v>32645</v>
      </c>
      <c r="AJ52" s="63">
        <v>19.3</v>
      </c>
      <c r="AK52" s="27">
        <v>168580</v>
      </c>
      <c r="AL52" s="25">
        <v>33563</v>
      </c>
      <c r="AM52" s="62">
        <v>19.899999999999999</v>
      </c>
      <c r="AN52" s="24">
        <v>167456</v>
      </c>
      <c r="AO52" s="25">
        <v>34670</v>
      </c>
      <c r="AP52" s="63">
        <v>20.7</v>
      </c>
      <c r="AQ52" s="27">
        <v>166668</v>
      </c>
      <c r="AR52" s="25">
        <v>35712</v>
      </c>
      <c r="AS52" s="62">
        <v>21.4</v>
      </c>
      <c r="AT52" s="24">
        <v>165549</v>
      </c>
      <c r="AU52" s="25">
        <v>36748</v>
      </c>
      <c r="AV52" s="63">
        <v>22.2</v>
      </c>
      <c r="AW52" s="27">
        <v>164815</v>
      </c>
      <c r="AX52" s="25">
        <v>37510</v>
      </c>
      <c r="AY52" s="28">
        <v>22.8</v>
      </c>
      <c r="AZ52" s="24">
        <v>164139</v>
      </c>
      <c r="BA52" s="25">
        <v>37844</v>
      </c>
      <c r="BB52" s="63">
        <v>23.1</v>
      </c>
      <c r="BC52" s="27">
        <v>163216</v>
      </c>
      <c r="BD52" s="25">
        <v>38973</v>
      </c>
      <c r="BE52" s="28">
        <v>23.9</v>
      </c>
      <c r="BF52" s="24">
        <v>162169</v>
      </c>
      <c r="BG52" s="25">
        <v>162441</v>
      </c>
      <c r="BH52" s="25">
        <v>40225</v>
      </c>
      <c r="BI52" s="25">
        <v>40266</v>
      </c>
      <c r="BJ52" s="64">
        <v>24.8</v>
      </c>
      <c r="BK52" s="26">
        <v>24.8</v>
      </c>
      <c r="BL52" s="27">
        <v>162064</v>
      </c>
      <c r="BM52" s="25">
        <v>162355</v>
      </c>
      <c r="BN52" s="25">
        <v>41012</v>
      </c>
      <c r="BO52" s="25">
        <v>41053</v>
      </c>
      <c r="BP52" s="34">
        <v>25.3</v>
      </c>
      <c r="BQ52" s="62">
        <v>25.3</v>
      </c>
      <c r="BR52" s="24">
        <v>161096</v>
      </c>
      <c r="BS52" s="25">
        <v>161406</v>
      </c>
      <c r="BT52" s="25">
        <v>42633</v>
      </c>
      <c r="BU52" s="25">
        <v>42678</v>
      </c>
      <c r="BV52" s="34">
        <v>26.5</v>
      </c>
      <c r="BW52" s="26">
        <v>26.4</v>
      </c>
      <c r="BX52" s="27">
        <v>160054</v>
      </c>
      <c r="BY52" s="25">
        <v>160453</v>
      </c>
      <c r="BZ52" s="25">
        <v>43797</v>
      </c>
      <c r="CA52" s="25">
        <v>43844</v>
      </c>
      <c r="CB52" s="34">
        <v>27.4</v>
      </c>
      <c r="CC52" s="28">
        <v>27.3</v>
      </c>
      <c r="CD52" s="24">
        <v>158923</v>
      </c>
      <c r="CE52" s="25">
        <v>159334</v>
      </c>
      <c r="CF52" s="25">
        <v>44787</v>
      </c>
      <c r="CG52" s="25">
        <v>44833</v>
      </c>
      <c r="CH52" s="34">
        <v>28.2</v>
      </c>
      <c r="CI52" s="26">
        <v>28.1</v>
      </c>
      <c r="CJ52" s="27">
        <v>157727</v>
      </c>
      <c r="CK52" s="25">
        <v>158223</v>
      </c>
      <c r="CL52" s="25">
        <v>45577</v>
      </c>
      <c r="CM52" s="25">
        <v>45624</v>
      </c>
      <c r="CN52" s="34">
        <v>28.9</v>
      </c>
      <c r="CO52" s="28">
        <v>28.8</v>
      </c>
      <c r="CP52" s="24">
        <v>156284</v>
      </c>
      <c r="CQ52" s="25">
        <v>156846</v>
      </c>
      <c r="CR52" s="25">
        <v>46179</v>
      </c>
      <c r="CS52" s="25">
        <v>46222</v>
      </c>
      <c r="CT52" s="34">
        <v>29.5</v>
      </c>
      <c r="CU52" s="36">
        <v>29.5</v>
      </c>
      <c r="CV52" s="24">
        <v>154503</v>
      </c>
      <c r="CW52" s="25">
        <v>155194</v>
      </c>
      <c r="CX52" s="25">
        <v>46602</v>
      </c>
      <c r="CY52" s="25">
        <v>46646</v>
      </c>
      <c r="CZ52" s="34">
        <f t="shared" si="0"/>
        <v>30.2</v>
      </c>
      <c r="DA52" s="36">
        <f t="shared" si="1"/>
        <v>30.1</v>
      </c>
      <c r="DB52" s="24">
        <v>153202</v>
      </c>
      <c r="DC52" s="25">
        <v>153884</v>
      </c>
      <c r="DD52" s="25">
        <v>46844</v>
      </c>
      <c r="DE52" s="25">
        <v>46891</v>
      </c>
      <c r="DF52" s="34">
        <v>30.6</v>
      </c>
      <c r="DG52" s="36">
        <v>30.5</v>
      </c>
      <c r="DH52" s="24">
        <v>151624</v>
      </c>
      <c r="DI52" s="25">
        <v>152288</v>
      </c>
      <c r="DJ52" s="25">
        <v>46844</v>
      </c>
      <c r="DK52" s="25">
        <v>46895</v>
      </c>
      <c r="DL52" s="34">
        <f t="shared" si="2"/>
        <v>30.894845143249089</v>
      </c>
      <c r="DM52" s="36">
        <f t="shared" si="3"/>
        <v>30.793627862996427</v>
      </c>
      <c r="DN52" s="24">
        <v>149733</v>
      </c>
      <c r="DO52" s="25">
        <v>150490</v>
      </c>
      <c r="DP52" s="25">
        <v>46640</v>
      </c>
      <c r="DQ52" s="25">
        <v>46697</v>
      </c>
      <c r="DR52" s="34">
        <f t="shared" si="4"/>
        <v>31.148778158455382</v>
      </c>
      <c r="DS52" s="36">
        <f t="shared" si="5"/>
        <v>31.029968768688949</v>
      </c>
    </row>
    <row r="53" spans="1:123" x14ac:dyDescent="0.2">
      <c r="A53" s="175"/>
      <c r="B53" s="176"/>
      <c r="C53" s="122" t="s">
        <v>63</v>
      </c>
      <c r="D53" s="40">
        <v>188905</v>
      </c>
      <c r="E53" s="38">
        <v>29255</v>
      </c>
      <c r="F53" s="39">
        <v>15.5</v>
      </c>
      <c r="G53" s="40">
        <v>189470</v>
      </c>
      <c r="H53" s="38">
        <v>30755</v>
      </c>
      <c r="I53" s="41">
        <v>16.2</v>
      </c>
      <c r="J53" s="37">
        <v>190110</v>
      </c>
      <c r="K53" s="38">
        <v>32070</v>
      </c>
      <c r="L53" s="39">
        <v>16.899999999999999</v>
      </c>
      <c r="M53" s="40">
        <v>190329</v>
      </c>
      <c r="N53" s="38">
        <v>33629</v>
      </c>
      <c r="O53" s="41">
        <v>17.7</v>
      </c>
      <c r="P53" s="37">
        <v>190613</v>
      </c>
      <c r="Q53" s="38">
        <v>34964</v>
      </c>
      <c r="R53" s="39">
        <v>18.3</v>
      </c>
      <c r="S53" s="40">
        <v>190408</v>
      </c>
      <c r="T53" s="38">
        <v>36394</v>
      </c>
      <c r="U53" s="67">
        <v>19.100000000000001</v>
      </c>
      <c r="V53" s="37">
        <v>190370</v>
      </c>
      <c r="W53" s="38">
        <v>38003</v>
      </c>
      <c r="X53" s="68">
        <v>20</v>
      </c>
      <c r="Y53" s="40">
        <v>190362</v>
      </c>
      <c r="Z53" s="38">
        <v>39511</v>
      </c>
      <c r="AA53" s="67">
        <v>20.8</v>
      </c>
      <c r="AB53" s="37">
        <v>190434</v>
      </c>
      <c r="AC53" s="38">
        <v>41026</v>
      </c>
      <c r="AD53" s="68">
        <v>21.5</v>
      </c>
      <c r="AE53" s="40">
        <v>190334</v>
      </c>
      <c r="AF53" s="38">
        <v>42352</v>
      </c>
      <c r="AG53" s="67">
        <v>22.3</v>
      </c>
      <c r="AH53" s="37">
        <v>189953</v>
      </c>
      <c r="AI53" s="38">
        <v>43606</v>
      </c>
      <c r="AJ53" s="68">
        <v>23</v>
      </c>
      <c r="AK53" s="40">
        <v>190231</v>
      </c>
      <c r="AL53" s="38">
        <v>45249</v>
      </c>
      <c r="AM53" s="67">
        <v>23.8</v>
      </c>
      <c r="AN53" s="37">
        <v>189726</v>
      </c>
      <c r="AO53" s="38">
        <v>47207</v>
      </c>
      <c r="AP53" s="68">
        <v>24.9</v>
      </c>
      <c r="AQ53" s="40">
        <v>189535</v>
      </c>
      <c r="AR53" s="38">
        <v>48838</v>
      </c>
      <c r="AS53" s="67">
        <v>25.8</v>
      </c>
      <c r="AT53" s="37">
        <v>189010</v>
      </c>
      <c r="AU53" s="38">
        <v>50607</v>
      </c>
      <c r="AV53" s="68">
        <v>26.8</v>
      </c>
      <c r="AW53" s="40">
        <v>188474</v>
      </c>
      <c r="AX53" s="38">
        <v>51847</v>
      </c>
      <c r="AY53" s="41">
        <v>27.5</v>
      </c>
      <c r="AZ53" s="37">
        <v>187865</v>
      </c>
      <c r="BA53" s="38">
        <v>52773</v>
      </c>
      <c r="BB53" s="68">
        <v>28.1</v>
      </c>
      <c r="BC53" s="40">
        <v>187295</v>
      </c>
      <c r="BD53" s="38">
        <v>54437</v>
      </c>
      <c r="BE53" s="41">
        <v>29.1</v>
      </c>
      <c r="BF53" s="37">
        <v>186489</v>
      </c>
      <c r="BG53" s="38">
        <v>186891</v>
      </c>
      <c r="BH53" s="38">
        <v>56184</v>
      </c>
      <c r="BI53" s="38">
        <v>56227</v>
      </c>
      <c r="BJ53" s="69">
        <v>30.1</v>
      </c>
      <c r="BK53" s="39">
        <v>30.1</v>
      </c>
      <c r="BL53" s="40">
        <v>186314</v>
      </c>
      <c r="BM53" s="38">
        <v>186702</v>
      </c>
      <c r="BN53" s="38">
        <v>57526</v>
      </c>
      <c r="BO53" s="38">
        <v>57569</v>
      </c>
      <c r="BP53" s="47">
        <v>30.9</v>
      </c>
      <c r="BQ53" s="67">
        <v>30.8</v>
      </c>
      <c r="BR53" s="37">
        <v>185411</v>
      </c>
      <c r="BS53" s="38">
        <v>185801</v>
      </c>
      <c r="BT53" s="38">
        <v>59686</v>
      </c>
      <c r="BU53" s="38">
        <v>59731</v>
      </c>
      <c r="BV53" s="47">
        <v>32.200000000000003</v>
      </c>
      <c r="BW53" s="39">
        <v>32.1</v>
      </c>
      <c r="BX53" s="40">
        <v>184446</v>
      </c>
      <c r="BY53" s="38">
        <v>184835</v>
      </c>
      <c r="BZ53" s="38">
        <v>61381</v>
      </c>
      <c r="CA53" s="38">
        <v>61426</v>
      </c>
      <c r="CB53" s="47">
        <v>33.299999999999997</v>
      </c>
      <c r="CC53" s="41">
        <v>33.200000000000003</v>
      </c>
      <c r="CD53" s="37">
        <v>183113</v>
      </c>
      <c r="CE53" s="38">
        <v>183514</v>
      </c>
      <c r="CF53" s="38">
        <v>62815</v>
      </c>
      <c r="CG53" s="38">
        <v>62865</v>
      </c>
      <c r="CH53" s="47">
        <v>34.299999999999997</v>
      </c>
      <c r="CI53" s="39">
        <v>34.299999999999997</v>
      </c>
      <c r="CJ53" s="40">
        <v>181551</v>
      </c>
      <c r="CK53" s="38">
        <v>181988</v>
      </c>
      <c r="CL53" s="38">
        <v>64014</v>
      </c>
      <c r="CM53" s="38">
        <v>64070</v>
      </c>
      <c r="CN53" s="47">
        <v>35.299999999999997</v>
      </c>
      <c r="CO53" s="41">
        <v>35.200000000000003</v>
      </c>
      <c r="CP53" s="37">
        <v>180034</v>
      </c>
      <c r="CQ53" s="38">
        <v>180546</v>
      </c>
      <c r="CR53" s="38">
        <v>64769</v>
      </c>
      <c r="CS53" s="38">
        <v>64829</v>
      </c>
      <c r="CT53" s="47">
        <v>36</v>
      </c>
      <c r="CU53" s="49">
        <v>35.9</v>
      </c>
      <c r="CV53" s="37">
        <v>178302</v>
      </c>
      <c r="CW53" s="38">
        <v>178876</v>
      </c>
      <c r="CX53" s="38">
        <v>65309</v>
      </c>
      <c r="CY53" s="38">
        <v>65370</v>
      </c>
      <c r="CZ53" s="47">
        <f t="shared" si="0"/>
        <v>36.6</v>
      </c>
      <c r="DA53" s="49">
        <f t="shared" si="1"/>
        <v>36.5</v>
      </c>
      <c r="DB53" s="37">
        <v>176963</v>
      </c>
      <c r="DC53" s="38">
        <v>177513</v>
      </c>
      <c r="DD53" s="38">
        <v>65693</v>
      </c>
      <c r="DE53" s="38">
        <v>65758</v>
      </c>
      <c r="DF53" s="47">
        <v>37.1</v>
      </c>
      <c r="DG53" s="49">
        <v>37</v>
      </c>
      <c r="DH53" s="37">
        <v>175148</v>
      </c>
      <c r="DI53" s="38">
        <v>175672</v>
      </c>
      <c r="DJ53" s="38">
        <v>65936</v>
      </c>
      <c r="DK53" s="38">
        <v>66002</v>
      </c>
      <c r="DL53" s="47">
        <f t="shared" si="2"/>
        <v>37.645876630050012</v>
      </c>
      <c r="DM53" s="23">
        <f t="shared" si="3"/>
        <v>37.571155334942389</v>
      </c>
      <c r="DN53" s="37">
        <v>173161</v>
      </c>
      <c r="DO53" s="38">
        <v>173696</v>
      </c>
      <c r="DP53" s="38">
        <v>66004</v>
      </c>
      <c r="DQ53" s="38">
        <v>66067</v>
      </c>
      <c r="DR53" s="47">
        <f t="shared" si="4"/>
        <v>38.117127990713847</v>
      </c>
      <c r="DS53" s="23">
        <f t="shared" si="5"/>
        <v>38.035993920412672</v>
      </c>
    </row>
    <row r="54" spans="1:123" x14ac:dyDescent="0.2">
      <c r="A54" s="175" t="s">
        <v>28</v>
      </c>
      <c r="B54" s="176"/>
      <c r="C54" s="121" t="s">
        <v>61</v>
      </c>
      <c r="D54" s="53">
        <v>111056</v>
      </c>
      <c r="E54" s="51">
        <v>18351</v>
      </c>
      <c r="F54" s="52">
        <v>16.5</v>
      </c>
      <c r="G54" s="53">
        <v>109542</v>
      </c>
      <c r="H54" s="51">
        <v>19072</v>
      </c>
      <c r="I54" s="54">
        <v>17.399999999999999</v>
      </c>
      <c r="J54" s="50">
        <v>107946</v>
      </c>
      <c r="K54" s="51">
        <v>19744</v>
      </c>
      <c r="L54" s="52">
        <v>18.3</v>
      </c>
      <c r="M54" s="53">
        <v>106701</v>
      </c>
      <c r="N54" s="51">
        <v>20493</v>
      </c>
      <c r="O54" s="54">
        <v>19.2</v>
      </c>
      <c r="P54" s="50">
        <v>105464</v>
      </c>
      <c r="Q54" s="51">
        <v>21193</v>
      </c>
      <c r="R54" s="52">
        <v>20.100000000000001</v>
      </c>
      <c r="S54" s="53">
        <v>104558</v>
      </c>
      <c r="T54" s="51">
        <v>21996</v>
      </c>
      <c r="U54" s="58">
        <v>21</v>
      </c>
      <c r="V54" s="50">
        <v>103301</v>
      </c>
      <c r="W54" s="51">
        <v>22777</v>
      </c>
      <c r="X54" s="55">
        <v>22</v>
      </c>
      <c r="Y54" s="53">
        <v>102156</v>
      </c>
      <c r="Z54" s="51">
        <v>23377</v>
      </c>
      <c r="AA54" s="58">
        <v>22.9</v>
      </c>
      <c r="AB54" s="50">
        <v>101138</v>
      </c>
      <c r="AC54" s="51">
        <v>24165</v>
      </c>
      <c r="AD54" s="55">
        <v>23.9</v>
      </c>
      <c r="AE54" s="53">
        <v>100121</v>
      </c>
      <c r="AF54" s="51">
        <v>24704</v>
      </c>
      <c r="AG54" s="58">
        <v>24.7</v>
      </c>
      <c r="AH54" s="50">
        <v>99113</v>
      </c>
      <c r="AI54" s="51">
        <v>25233</v>
      </c>
      <c r="AJ54" s="55">
        <v>25.5</v>
      </c>
      <c r="AK54" s="53">
        <v>98686</v>
      </c>
      <c r="AL54" s="51">
        <v>25934</v>
      </c>
      <c r="AM54" s="58">
        <v>26.3</v>
      </c>
      <c r="AN54" s="50">
        <v>97517</v>
      </c>
      <c r="AO54" s="51">
        <v>26717</v>
      </c>
      <c r="AP54" s="55">
        <v>27.4</v>
      </c>
      <c r="AQ54" s="53">
        <v>96724</v>
      </c>
      <c r="AR54" s="51">
        <v>27343</v>
      </c>
      <c r="AS54" s="58">
        <v>28.3</v>
      </c>
      <c r="AT54" s="50">
        <v>96050</v>
      </c>
      <c r="AU54" s="51">
        <v>27882</v>
      </c>
      <c r="AV54" s="55">
        <v>29</v>
      </c>
      <c r="AW54" s="53">
        <v>95150</v>
      </c>
      <c r="AX54" s="51">
        <v>28175</v>
      </c>
      <c r="AY54" s="54">
        <v>29.6</v>
      </c>
      <c r="AZ54" s="50">
        <v>94216</v>
      </c>
      <c r="BA54" s="51">
        <v>28267</v>
      </c>
      <c r="BB54" s="55">
        <v>30</v>
      </c>
      <c r="BC54" s="53">
        <v>93078</v>
      </c>
      <c r="BD54" s="51">
        <v>28601</v>
      </c>
      <c r="BE54" s="54">
        <v>30.7</v>
      </c>
      <c r="BF54" s="50">
        <v>91726</v>
      </c>
      <c r="BG54" s="51">
        <v>91987</v>
      </c>
      <c r="BH54" s="51">
        <v>29218</v>
      </c>
      <c r="BI54" s="51">
        <v>29243</v>
      </c>
      <c r="BJ54" s="56">
        <v>31.9</v>
      </c>
      <c r="BK54" s="52">
        <v>31.8</v>
      </c>
      <c r="BL54" s="53">
        <v>90996</v>
      </c>
      <c r="BM54" s="51">
        <v>91276</v>
      </c>
      <c r="BN54" s="51">
        <v>29526</v>
      </c>
      <c r="BO54" s="51">
        <v>29551</v>
      </c>
      <c r="BP54" s="57">
        <v>32.4</v>
      </c>
      <c r="BQ54" s="58">
        <v>32.4</v>
      </c>
      <c r="BR54" s="50">
        <v>89512</v>
      </c>
      <c r="BS54" s="51">
        <v>89799</v>
      </c>
      <c r="BT54" s="51">
        <v>30285</v>
      </c>
      <c r="BU54" s="51">
        <v>30307</v>
      </c>
      <c r="BV54" s="57">
        <v>33.799999999999997</v>
      </c>
      <c r="BW54" s="52">
        <v>33.700000000000003</v>
      </c>
      <c r="BX54" s="53">
        <v>88302</v>
      </c>
      <c r="BY54" s="51">
        <v>88618</v>
      </c>
      <c r="BZ54" s="51">
        <v>30745</v>
      </c>
      <c r="CA54" s="51">
        <v>30771</v>
      </c>
      <c r="CB54" s="57">
        <v>34.799999999999997</v>
      </c>
      <c r="CC54" s="54">
        <v>34.700000000000003</v>
      </c>
      <c r="CD54" s="50">
        <v>86821</v>
      </c>
      <c r="CE54" s="51">
        <v>87180</v>
      </c>
      <c r="CF54" s="51">
        <v>31029</v>
      </c>
      <c r="CG54" s="51">
        <v>31057</v>
      </c>
      <c r="CH54" s="57">
        <v>35.700000000000003</v>
      </c>
      <c r="CI54" s="52">
        <v>35.6</v>
      </c>
      <c r="CJ54" s="53">
        <v>85448</v>
      </c>
      <c r="CK54" s="51">
        <v>85807</v>
      </c>
      <c r="CL54" s="51">
        <v>31160</v>
      </c>
      <c r="CM54" s="51">
        <v>31190</v>
      </c>
      <c r="CN54" s="57">
        <v>36.5</v>
      </c>
      <c r="CO54" s="54">
        <v>36.299999999999997</v>
      </c>
      <c r="CP54" s="50">
        <v>84016</v>
      </c>
      <c r="CQ54" s="51">
        <v>84405</v>
      </c>
      <c r="CR54" s="51">
        <v>31135</v>
      </c>
      <c r="CS54" s="51">
        <v>31172</v>
      </c>
      <c r="CT54" s="57">
        <v>37.1</v>
      </c>
      <c r="CU54" s="61">
        <v>36.9</v>
      </c>
      <c r="CV54" s="50">
        <v>82532</v>
      </c>
      <c r="CW54" s="51">
        <v>82977</v>
      </c>
      <c r="CX54" s="51">
        <v>30981</v>
      </c>
      <c r="CY54" s="51">
        <v>31016</v>
      </c>
      <c r="CZ54" s="21">
        <f t="shared" si="0"/>
        <v>37.5</v>
      </c>
      <c r="DA54" s="23">
        <f t="shared" si="1"/>
        <v>37.4</v>
      </c>
      <c r="DB54" s="50">
        <v>81130</v>
      </c>
      <c r="DC54" s="51">
        <v>81579</v>
      </c>
      <c r="DD54" s="51">
        <v>30751</v>
      </c>
      <c r="DE54" s="51">
        <v>30788</v>
      </c>
      <c r="DF54" s="21">
        <v>37.9</v>
      </c>
      <c r="DG54" s="23">
        <v>37.700000000000003</v>
      </c>
      <c r="DH54" s="50">
        <v>79589</v>
      </c>
      <c r="DI54" s="51">
        <v>79986</v>
      </c>
      <c r="DJ54" s="51">
        <v>30402</v>
      </c>
      <c r="DK54" s="51">
        <v>30440</v>
      </c>
      <c r="DL54" s="21">
        <f t="shared" si="2"/>
        <v>38.19874605787232</v>
      </c>
      <c r="DM54" s="61">
        <f t="shared" si="3"/>
        <v>38.056659915485206</v>
      </c>
      <c r="DN54" s="50">
        <v>77830</v>
      </c>
      <c r="DO54" s="51">
        <v>78252</v>
      </c>
      <c r="DP54" s="51">
        <v>29770</v>
      </c>
      <c r="DQ54" s="51">
        <v>29811</v>
      </c>
      <c r="DR54" s="21">
        <f t="shared" si="4"/>
        <v>38.250032121289991</v>
      </c>
      <c r="DS54" s="61">
        <f t="shared" si="5"/>
        <v>38.096150897101673</v>
      </c>
    </row>
    <row r="55" spans="1:123" x14ac:dyDescent="0.2">
      <c r="A55" s="175"/>
      <c r="B55" s="176"/>
      <c r="C55" s="123" t="s">
        <v>62</v>
      </c>
      <c r="D55" s="27">
        <v>53945</v>
      </c>
      <c r="E55" s="25">
        <v>7719</v>
      </c>
      <c r="F55" s="26">
        <v>14.3</v>
      </c>
      <c r="G55" s="27">
        <v>53226</v>
      </c>
      <c r="H55" s="25">
        <v>8053</v>
      </c>
      <c r="I55" s="28">
        <v>15.1</v>
      </c>
      <c r="J55" s="24">
        <v>52326</v>
      </c>
      <c r="K55" s="25">
        <v>8356</v>
      </c>
      <c r="L55" s="26">
        <v>16</v>
      </c>
      <c r="M55" s="27">
        <v>51720</v>
      </c>
      <c r="N55" s="25">
        <v>8654</v>
      </c>
      <c r="O55" s="28">
        <v>16.7</v>
      </c>
      <c r="P55" s="24">
        <v>50989</v>
      </c>
      <c r="Q55" s="25">
        <v>8917</v>
      </c>
      <c r="R55" s="26">
        <v>17.5</v>
      </c>
      <c r="S55" s="27">
        <v>50480</v>
      </c>
      <c r="T55" s="25">
        <v>9254</v>
      </c>
      <c r="U55" s="62">
        <v>18.3</v>
      </c>
      <c r="V55" s="24">
        <v>49715</v>
      </c>
      <c r="W55" s="25">
        <v>9580</v>
      </c>
      <c r="X55" s="63">
        <v>19.3</v>
      </c>
      <c r="Y55" s="27">
        <v>49133</v>
      </c>
      <c r="Z55" s="25">
        <v>9835</v>
      </c>
      <c r="AA55" s="62">
        <v>20</v>
      </c>
      <c r="AB55" s="24">
        <v>48635</v>
      </c>
      <c r="AC55" s="25">
        <v>10149</v>
      </c>
      <c r="AD55" s="63">
        <v>20.9</v>
      </c>
      <c r="AE55" s="27">
        <v>48057</v>
      </c>
      <c r="AF55" s="25">
        <v>10379</v>
      </c>
      <c r="AG55" s="62">
        <v>21.6</v>
      </c>
      <c r="AH55" s="24">
        <v>47489</v>
      </c>
      <c r="AI55" s="25">
        <v>10576</v>
      </c>
      <c r="AJ55" s="63">
        <v>22.3</v>
      </c>
      <c r="AK55" s="27">
        <v>47436</v>
      </c>
      <c r="AL55" s="25">
        <v>10909</v>
      </c>
      <c r="AM55" s="62">
        <v>23</v>
      </c>
      <c r="AN55" s="24">
        <v>46867</v>
      </c>
      <c r="AO55" s="25">
        <v>11236</v>
      </c>
      <c r="AP55" s="63">
        <v>24</v>
      </c>
      <c r="AQ55" s="27">
        <v>46470</v>
      </c>
      <c r="AR55" s="25">
        <v>11460</v>
      </c>
      <c r="AS55" s="62">
        <v>24.7</v>
      </c>
      <c r="AT55" s="24">
        <v>46170</v>
      </c>
      <c r="AU55" s="25">
        <v>11663</v>
      </c>
      <c r="AV55" s="63">
        <v>25.3</v>
      </c>
      <c r="AW55" s="27">
        <v>45731</v>
      </c>
      <c r="AX55" s="25">
        <v>11687</v>
      </c>
      <c r="AY55" s="28">
        <v>25.6</v>
      </c>
      <c r="AZ55" s="24">
        <v>45265</v>
      </c>
      <c r="BA55" s="25">
        <v>11663</v>
      </c>
      <c r="BB55" s="63">
        <v>25.8</v>
      </c>
      <c r="BC55" s="27">
        <v>44684</v>
      </c>
      <c r="BD55" s="25">
        <v>11756</v>
      </c>
      <c r="BE55" s="28">
        <v>26.3</v>
      </c>
      <c r="BF55" s="24">
        <v>43960</v>
      </c>
      <c r="BG55" s="25">
        <v>44099</v>
      </c>
      <c r="BH55" s="25">
        <v>12011</v>
      </c>
      <c r="BI55" s="25">
        <v>12024</v>
      </c>
      <c r="BJ55" s="64">
        <v>27.3</v>
      </c>
      <c r="BK55" s="26">
        <v>27.3</v>
      </c>
      <c r="BL55" s="27">
        <v>43689</v>
      </c>
      <c r="BM55" s="25">
        <v>43838</v>
      </c>
      <c r="BN55" s="25">
        <v>12155</v>
      </c>
      <c r="BO55" s="25">
        <v>12167</v>
      </c>
      <c r="BP55" s="34">
        <v>27.8</v>
      </c>
      <c r="BQ55" s="62">
        <v>27.8</v>
      </c>
      <c r="BR55" s="24">
        <v>42897</v>
      </c>
      <c r="BS55" s="25">
        <v>43060</v>
      </c>
      <c r="BT55" s="25">
        <v>12482</v>
      </c>
      <c r="BU55" s="25">
        <v>12494</v>
      </c>
      <c r="BV55" s="34">
        <v>29.1</v>
      </c>
      <c r="BW55" s="26">
        <v>29</v>
      </c>
      <c r="BX55" s="27">
        <v>42346</v>
      </c>
      <c r="BY55" s="25">
        <v>42530</v>
      </c>
      <c r="BZ55" s="25">
        <v>12671</v>
      </c>
      <c r="CA55" s="25">
        <v>12687</v>
      </c>
      <c r="CB55" s="34">
        <v>29.9</v>
      </c>
      <c r="CC55" s="28">
        <v>29.8</v>
      </c>
      <c r="CD55" s="24">
        <v>41570</v>
      </c>
      <c r="CE55" s="25">
        <v>41775</v>
      </c>
      <c r="CF55" s="25">
        <v>12792</v>
      </c>
      <c r="CG55" s="25">
        <v>12809</v>
      </c>
      <c r="CH55" s="34">
        <v>30.8</v>
      </c>
      <c r="CI55" s="26">
        <v>30.7</v>
      </c>
      <c r="CJ55" s="27">
        <v>40927</v>
      </c>
      <c r="CK55" s="25">
        <v>41141</v>
      </c>
      <c r="CL55" s="25">
        <v>12834</v>
      </c>
      <c r="CM55" s="25">
        <v>12850</v>
      </c>
      <c r="CN55" s="34">
        <v>31.4</v>
      </c>
      <c r="CO55" s="28">
        <v>31.2</v>
      </c>
      <c r="CP55" s="24">
        <v>40276</v>
      </c>
      <c r="CQ55" s="25">
        <v>40508</v>
      </c>
      <c r="CR55" s="25">
        <v>12828</v>
      </c>
      <c r="CS55" s="25">
        <v>12850</v>
      </c>
      <c r="CT55" s="34">
        <v>31.9</v>
      </c>
      <c r="CU55" s="36">
        <v>31.7</v>
      </c>
      <c r="CV55" s="24">
        <v>39500</v>
      </c>
      <c r="CW55" s="25">
        <v>39761</v>
      </c>
      <c r="CX55" s="25">
        <v>12743</v>
      </c>
      <c r="CY55" s="25">
        <v>12763</v>
      </c>
      <c r="CZ55" s="34">
        <f t="shared" si="0"/>
        <v>32.299999999999997</v>
      </c>
      <c r="DA55" s="36">
        <f t="shared" si="1"/>
        <v>32.1</v>
      </c>
      <c r="DB55" s="24">
        <v>38906</v>
      </c>
      <c r="DC55" s="25">
        <v>39181</v>
      </c>
      <c r="DD55" s="25">
        <v>12672</v>
      </c>
      <c r="DE55" s="25">
        <v>12694</v>
      </c>
      <c r="DF55" s="34">
        <v>32.6</v>
      </c>
      <c r="DG55" s="36">
        <v>32.4</v>
      </c>
      <c r="DH55" s="24">
        <v>38198</v>
      </c>
      <c r="DI55" s="25">
        <v>38447</v>
      </c>
      <c r="DJ55" s="25">
        <v>12527</v>
      </c>
      <c r="DK55" s="25">
        <v>12549</v>
      </c>
      <c r="DL55" s="34">
        <f t="shared" si="2"/>
        <v>32.794910728310384</v>
      </c>
      <c r="DM55" s="36">
        <f t="shared" si="3"/>
        <v>32.6397378208963</v>
      </c>
      <c r="DN55" s="24">
        <v>37348</v>
      </c>
      <c r="DO55" s="25">
        <v>37614</v>
      </c>
      <c r="DP55" s="25">
        <v>12244</v>
      </c>
      <c r="DQ55" s="25">
        <v>12266</v>
      </c>
      <c r="DR55" s="34">
        <f t="shared" si="4"/>
        <v>32.783549319910037</v>
      </c>
      <c r="DS55" s="36">
        <f t="shared" si="5"/>
        <v>32.610198330408892</v>
      </c>
    </row>
    <row r="56" spans="1:123" x14ac:dyDescent="0.2">
      <c r="A56" s="175"/>
      <c r="B56" s="176"/>
      <c r="C56" s="122" t="s">
        <v>63</v>
      </c>
      <c r="D56" s="40">
        <v>57111</v>
      </c>
      <c r="E56" s="38">
        <v>10632</v>
      </c>
      <c r="F56" s="39">
        <v>18.600000000000001</v>
      </c>
      <c r="G56" s="40">
        <v>56316</v>
      </c>
      <c r="H56" s="38">
        <v>11019</v>
      </c>
      <c r="I56" s="41">
        <v>19.600000000000001</v>
      </c>
      <c r="J56" s="37">
        <v>55620</v>
      </c>
      <c r="K56" s="38">
        <v>11388</v>
      </c>
      <c r="L56" s="39">
        <v>20.5</v>
      </c>
      <c r="M56" s="40">
        <v>54981</v>
      </c>
      <c r="N56" s="38">
        <v>11839</v>
      </c>
      <c r="O56" s="41">
        <v>21.5</v>
      </c>
      <c r="P56" s="37">
        <v>54475</v>
      </c>
      <c r="Q56" s="38">
        <v>12276</v>
      </c>
      <c r="R56" s="39">
        <v>22.5</v>
      </c>
      <c r="S56" s="40">
        <v>54078</v>
      </c>
      <c r="T56" s="38">
        <v>12742</v>
      </c>
      <c r="U56" s="67">
        <v>23.6</v>
      </c>
      <c r="V56" s="37">
        <v>53586</v>
      </c>
      <c r="W56" s="38">
        <v>13197</v>
      </c>
      <c r="X56" s="68">
        <v>24.6</v>
      </c>
      <c r="Y56" s="40">
        <v>53023</v>
      </c>
      <c r="Z56" s="38">
        <v>13542</v>
      </c>
      <c r="AA56" s="67">
        <v>25.5</v>
      </c>
      <c r="AB56" s="37">
        <v>52503</v>
      </c>
      <c r="AC56" s="38">
        <v>14016</v>
      </c>
      <c r="AD56" s="68">
        <v>26.7</v>
      </c>
      <c r="AE56" s="40">
        <v>52064</v>
      </c>
      <c r="AF56" s="38">
        <v>14325</v>
      </c>
      <c r="AG56" s="67">
        <v>27.5</v>
      </c>
      <c r="AH56" s="37">
        <v>51624</v>
      </c>
      <c r="AI56" s="38">
        <v>14657</v>
      </c>
      <c r="AJ56" s="68">
        <v>28.4</v>
      </c>
      <c r="AK56" s="40">
        <v>51250</v>
      </c>
      <c r="AL56" s="38">
        <v>15025</v>
      </c>
      <c r="AM56" s="67">
        <v>29.3</v>
      </c>
      <c r="AN56" s="37">
        <v>50650</v>
      </c>
      <c r="AO56" s="38">
        <v>15481</v>
      </c>
      <c r="AP56" s="68">
        <v>30.6</v>
      </c>
      <c r="AQ56" s="40">
        <v>50254</v>
      </c>
      <c r="AR56" s="38">
        <v>15883</v>
      </c>
      <c r="AS56" s="67">
        <v>31.6</v>
      </c>
      <c r="AT56" s="37">
        <v>49880</v>
      </c>
      <c r="AU56" s="38">
        <v>16219</v>
      </c>
      <c r="AV56" s="68">
        <v>32.5</v>
      </c>
      <c r="AW56" s="40">
        <v>49419</v>
      </c>
      <c r="AX56" s="38">
        <v>16488</v>
      </c>
      <c r="AY56" s="41">
        <v>33.4</v>
      </c>
      <c r="AZ56" s="37">
        <v>48951</v>
      </c>
      <c r="BA56" s="38">
        <v>16604</v>
      </c>
      <c r="BB56" s="68">
        <v>33.9</v>
      </c>
      <c r="BC56" s="40">
        <v>48394</v>
      </c>
      <c r="BD56" s="38">
        <v>16845</v>
      </c>
      <c r="BE56" s="41">
        <v>34.799999999999997</v>
      </c>
      <c r="BF56" s="37">
        <v>47766</v>
      </c>
      <c r="BG56" s="38">
        <v>47888</v>
      </c>
      <c r="BH56" s="38">
        <v>17207</v>
      </c>
      <c r="BI56" s="38">
        <v>17219</v>
      </c>
      <c r="BJ56" s="69">
        <v>36</v>
      </c>
      <c r="BK56" s="39">
        <v>36</v>
      </c>
      <c r="BL56" s="40">
        <v>47307</v>
      </c>
      <c r="BM56" s="38">
        <v>47438</v>
      </c>
      <c r="BN56" s="38">
        <v>17371</v>
      </c>
      <c r="BO56" s="38">
        <v>17384</v>
      </c>
      <c r="BP56" s="47">
        <v>36.700000000000003</v>
      </c>
      <c r="BQ56" s="67">
        <v>36.6</v>
      </c>
      <c r="BR56" s="37">
        <v>46615</v>
      </c>
      <c r="BS56" s="38">
        <v>46739</v>
      </c>
      <c r="BT56" s="38">
        <v>17803</v>
      </c>
      <c r="BU56" s="38">
        <v>17813</v>
      </c>
      <c r="BV56" s="47">
        <v>38.200000000000003</v>
      </c>
      <c r="BW56" s="39">
        <v>38.1</v>
      </c>
      <c r="BX56" s="40">
        <v>45956</v>
      </c>
      <c r="BY56" s="38">
        <v>46088</v>
      </c>
      <c r="BZ56" s="38">
        <v>18074</v>
      </c>
      <c r="CA56" s="38">
        <v>18084</v>
      </c>
      <c r="CB56" s="47">
        <v>39.299999999999997</v>
      </c>
      <c r="CC56" s="41">
        <v>39.200000000000003</v>
      </c>
      <c r="CD56" s="37">
        <v>45251</v>
      </c>
      <c r="CE56" s="38">
        <v>45405</v>
      </c>
      <c r="CF56" s="38">
        <v>18237</v>
      </c>
      <c r="CG56" s="38">
        <v>18248</v>
      </c>
      <c r="CH56" s="47">
        <v>40.299999999999997</v>
      </c>
      <c r="CI56" s="39">
        <v>40.200000000000003</v>
      </c>
      <c r="CJ56" s="40">
        <v>44521</v>
      </c>
      <c r="CK56" s="38">
        <v>44666</v>
      </c>
      <c r="CL56" s="38">
        <v>18326</v>
      </c>
      <c r="CM56" s="38">
        <v>18340</v>
      </c>
      <c r="CN56" s="47">
        <v>41.2</v>
      </c>
      <c r="CO56" s="41">
        <v>41.1</v>
      </c>
      <c r="CP56" s="37">
        <v>43740</v>
      </c>
      <c r="CQ56" s="38">
        <v>43897</v>
      </c>
      <c r="CR56" s="38">
        <v>18307</v>
      </c>
      <c r="CS56" s="38">
        <v>18322</v>
      </c>
      <c r="CT56" s="47">
        <v>41.9</v>
      </c>
      <c r="CU56" s="49">
        <v>41.7</v>
      </c>
      <c r="CV56" s="37">
        <v>43032</v>
      </c>
      <c r="CW56" s="38">
        <v>43216</v>
      </c>
      <c r="CX56" s="38">
        <v>18238</v>
      </c>
      <c r="CY56" s="38">
        <v>18253</v>
      </c>
      <c r="CZ56" s="47">
        <f t="shared" si="0"/>
        <v>42.4</v>
      </c>
      <c r="DA56" s="49">
        <f t="shared" si="1"/>
        <v>42.2</v>
      </c>
      <c r="DB56" s="37">
        <v>42224</v>
      </c>
      <c r="DC56" s="38">
        <v>42398</v>
      </c>
      <c r="DD56" s="38">
        <v>18079</v>
      </c>
      <c r="DE56" s="38">
        <v>18094</v>
      </c>
      <c r="DF56" s="47">
        <v>42.8</v>
      </c>
      <c r="DG56" s="49">
        <v>42.7</v>
      </c>
      <c r="DH56" s="37">
        <v>41391</v>
      </c>
      <c r="DI56" s="38">
        <v>41539</v>
      </c>
      <c r="DJ56" s="38">
        <v>17875</v>
      </c>
      <c r="DK56" s="38">
        <v>17891</v>
      </c>
      <c r="DL56" s="21">
        <f t="shared" si="2"/>
        <v>43.185716701698432</v>
      </c>
      <c r="DM56" s="23">
        <f t="shared" si="3"/>
        <v>43.070367606345847</v>
      </c>
      <c r="DN56" s="37">
        <v>40482</v>
      </c>
      <c r="DO56" s="38">
        <v>40638</v>
      </c>
      <c r="DP56" s="38">
        <v>17526</v>
      </c>
      <c r="DQ56" s="38">
        <v>17545</v>
      </c>
      <c r="DR56" s="21">
        <f t="shared" si="4"/>
        <v>43.293315547650806</v>
      </c>
      <c r="DS56" s="23">
        <f t="shared" si="5"/>
        <v>43.173876667158815</v>
      </c>
    </row>
    <row r="57" spans="1:123" x14ac:dyDescent="0.2">
      <c r="A57" s="175" t="s">
        <v>29</v>
      </c>
      <c r="B57" s="176"/>
      <c r="C57" s="121" t="s">
        <v>61</v>
      </c>
      <c r="D57" s="53">
        <v>198579</v>
      </c>
      <c r="E57" s="51">
        <v>24456</v>
      </c>
      <c r="F57" s="52">
        <v>12.3</v>
      </c>
      <c r="G57" s="53">
        <v>197260</v>
      </c>
      <c r="H57" s="51">
        <v>25829</v>
      </c>
      <c r="I57" s="54">
        <v>13.1</v>
      </c>
      <c r="J57" s="50">
        <v>196280</v>
      </c>
      <c r="K57" s="51">
        <v>27094</v>
      </c>
      <c r="L57" s="52">
        <v>13.8</v>
      </c>
      <c r="M57" s="53">
        <v>195043</v>
      </c>
      <c r="N57" s="51">
        <v>28493</v>
      </c>
      <c r="O57" s="54">
        <v>14.6</v>
      </c>
      <c r="P57" s="50">
        <v>193833</v>
      </c>
      <c r="Q57" s="51">
        <v>29746</v>
      </c>
      <c r="R57" s="52">
        <v>15.3</v>
      </c>
      <c r="S57" s="53">
        <v>192113</v>
      </c>
      <c r="T57" s="51">
        <v>31214</v>
      </c>
      <c r="U57" s="58">
        <v>16.2</v>
      </c>
      <c r="V57" s="50">
        <v>191292</v>
      </c>
      <c r="W57" s="51">
        <v>32668</v>
      </c>
      <c r="X57" s="55">
        <v>17.100000000000001</v>
      </c>
      <c r="Y57" s="53">
        <v>189875</v>
      </c>
      <c r="Z57" s="51">
        <v>33885</v>
      </c>
      <c r="AA57" s="58">
        <v>17.8</v>
      </c>
      <c r="AB57" s="50">
        <v>188093</v>
      </c>
      <c r="AC57" s="51">
        <v>35204</v>
      </c>
      <c r="AD57" s="55">
        <v>18.7</v>
      </c>
      <c r="AE57" s="53">
        <v>186688</v>
      </c>
      <c r="AF57" s="51">
        <v>36396</v>
      </c>
      <c r="AG57" s="58">
        <v>19.5</v>
      </c>
      <c r="AH57" s="50">
        <v>185159</v>
      </c>
      <c r="AI57" s="51">
        <v>37479</v>
      </c>
      <c r="AJ57" s="55">
        <v>20.2</v>
      </c>
      <c r="AK57" s="53">
        <v>193610</v>
      </c>
      <c r="AL57" s="51">
        <v>40997</v>
      </c>
      <c r="AM57" s="58">
        <v>21.2</v>
      </c>
      <c r="AN57" s="50">
        <v>191407</v>
      </c>
      <c r="AO57" s="51">
        <v>42406</v>
      </c>
      <c r="AP57" s="55">
        <v>22.2</v>
      </c>
      <c r="AQ57" s="53">
        <v>189539</v>
      </c>
      <c r="AR57" s="51">
        <v>43501</v>
      </c>
      <c r="AS57" s="58">
        <v>23</v>
      </c>
      <c r="AT57" s="50">
        <v>187569</v>
      </c>
      <c r="AU57" s="51">
        <v>44823</v>
      </c>
      <c r="AV57" s="55">
        <v>23.9</v>
      </c>
      <c r="AW57" s="53">
        <v>185487</v>
      </c>
      <c r="AX57" s="51">
        <v>45586</v>
      </c>
      <c r="AY57" s="54">
        <v>24.6</v>
      </c>
      <c r="AZ57" s="50">
        <v>184116</v>
      </c>
      <c r="BA57" s="51">
        <v>46024</v>
      </c>
      <c r="BB57" s="55">
        <v>25</v>
      </c>
      <c r="BC57" s="53">
        <v>182263</v>
      </c>
      <c r="BD57" s="51">
        <v>47199</v>
      </c>
      <c r="BE57" s="54">
        <v>25.9</v>
      </c>
      <c r="BF57" s="50">
        <v>180456</v>
      </c>
      <c r="BG57" s="51">
        <v>180893</v>
      </c>
      <c r="BH57" s="51">
        <v>48691</v>
      </c>
      <c r="BI57" s="51">
        <v>48722</v>
      </c>
      <c r="BJ57" s="56">
        <v>27</v>
      </c>
      <c r="BK57" s="52">
        <v>26.9</v>
      </c>
      <c r="BL57" s="53">
        <v>179754</v>
      </c>
      <c r="BM57" s="51">
        <v>180160</v>
      </c>
      <c r="BN57" s="51">
        <v>49686</v>
      </c>
      <c r="BO57" s="51">
        <v>49718</v>
      </c>
      <c r="BP57" s="57">
        <v>27.6</v>
      </c>
      <c r="BQ57" s="58">
        <v>27.6</v>
      </c>
      <c r="BR57" s="50">
        <v>177921</v>
      </c>
      <c r="BS57" s="51">
        <v>178394</v>
      </c>
      <c r="BT57" s="51">
        <v>51522</v>
      </c>
      <c r="BU57" s="51">
        <v>51557</v>
      </c>
      <c r="BV57" s="57">
        <v>29</v>
      </c>
      <c r="BW57" s="52">
        <v>28.9</v>
      </c>
      <c r="BX57" s="53">
        <v>176039</v>
      </c>
      <c r="BY57" s="51">
        <v>176576</v>
      </c>
      <c r="BZ57" s="51">
        <v>52833</v>
      </c>
      <c r="CA57" s="51">
        <v>52867</v>
      </c>
      <c r="CB57" s="57">
        <v>30</v>
      </c>
      <c r="CC57" s="54">
        <v>29.9</v>
      </c>
      <c r="CD57" s="50">
        <v>173893</v>
      </c>
      <c r="CE57" s="51">
        <v>174518</v>
      </c>
      <c r="CF57" s="51">
        <v>54008</v>
      </c>
      <c r="CG57" s="51">
        <v>54048</v>
      </c>
      <c r="CH57" s="57">
        <v>31.1</v>
      </c>
      <c r="CI57" s="52">
        <v>31</v>
      </c>
      <c r="CJ57" s="53">
        <v>171644</v>
      </c>
      <c r="CK57" s="51">
        <v>172391</v>
      </c>
      <c r="CL57" s="51">
        <v>54947</v>
      </c>
      <c r="CM57" s="51">
        <v>54990</v>
      </c>
      <c r="CN57" s="57">
        <v>32</v>
      </c>
      <c r="CO57" s="54">
        <v>31.9</v>
      </c>
      <c r="CP57" s="50">
        <v>169505</v>
      </c>
      <c r="CQ57" s="51">
        <v>170364</v>
      </c>
      <c r="CR57" s="51">
        <v>55764</v>
      </c>
      <c r="CS57" s="51">
        <v>55807</v>
      </c>
      <c r="CT57" s="57">
        <v>32.9</v>
      </c>
      <c r="CU57" s="61">
        <v>32.799999999999997</v>
      </c>
      <c r="CV57" s="50">
        <v>167051</v>
      </c>
      <c r="CW57" s="51">
        <v>168086</v>
      </c>
      <c r="CX57" s="51">
        <v>56241</v>
      </c>
      <c r="CY57" s="51">
        <v>56285</v>
      </c>
      <c r="CZ57" s="21">
        <f t="shared" si="0"/>
        <v>33.700000000000003</v>
      </c>
      <c r="DA57" s="23">
        <f t="shared" si="1"/>
        <v>33.5</v>
      </c>
      <c r="DB57" s="50">
        <v>164748</v>
      </c>
      <c r="DC57" s="51">
        <v>165667</v>
      </c>
      <c r="DD57" s="51">
        <v>56536</v>
      </c>
      <c r="DE57" s="51">
        <v>56575</v>
      </c>
      <c r="DF57" s="21">
        <v>34.299999999999997</v>
      </c>
      <c r="DG57" s="23">
        <v>34.1</v>
      </c>
      <c r="DH57" s="50">
        <v>162298</v>
      </c>
      <c r="DI57" s="51">
        <v>163110</v>
      </c>
      <c r="DJ57" s="51">
        <v>56434</v>
      </c>
      <c r="DK57" s="51">
        <v>56477</v>
      </c>
      <c r="DL57" s="57">
        <f t="shared" si="2"/>
        <v>34.771839455815844</v>
      </c>
      <c r="DM57" s="61">
        <f t="shared" si="3"/>
        <v>34.625099626019249</v>
      </c>
      <c r="DN57" s="50">
        <v>159576</v>
      </c>
      <c r="DO57" s="51">
        <v>160483</v>
      </c>
      <c r="DP57" s="51">
        <v>56215</v>
      </c>
      <c r="DQ57" s="51">
        <v>56259</v>
      </c>
      <c r="DR57" s="57">
        <f t="shared" si="4"/>
        <v>35.227728480473253</v>
      </c>
      <c r="DS57" s="61">
        <f t="shared" si="5"/>
        <v>35.056049550419672</v>
      </c>
    </row>
    <row r="58" spans="1:123" x14ac:dyDescent="0.2">
      <c r="A58" s="175"/>
      <c r="B58" s="176"/>
      <c r="C58" s="123" t="s">
        <v>62</v>
      </c>
      <c r="D58" s="27">
        <v>95974</v>
      </c>
      <c r="E58" s="25">
        <v>10316</v>
      </c>
      <c r="F58" s="26">
        <v>10.7</v>
      </c>
      <c r="G58" s="27">
        <v>95247</v>
      </c>
      <c r="H58" s="25">
        <v>10937</v>
      </c>
      <c r="I58" s="28">
        <v>11.5</v>
      </c>
      <c r="J58" s="24">
        <v>94573</v>
      </c>
      <c r="K58" s="25">
        <v>11535</v>
      </c>
      <c r="L58" s="26">
        <v>12.2</v>
      </c>
      <c r="M58" s="27">
        <v>93868</v>
      </c>
      <c r="N58" s="25">
        <v>12247</v>
      </c>
      <c r="O58" s="28">
        <v>13</v>
      </c>
      <c r="P58" s="24">
        <v>93151</v>
      </c>
      <c r="Q58" s="25">
        <v>12769</v>
      </c>
      <c r="R58" s="26">
        <v>13.7</v>
      </c>
      <c r="S58" s="27">
        <v>92191</v>
      </c>
      <c r="T58" s="25">
        <v>13389</v>
      </c>
      <c r="U58" s="62">
        <v>14.5</v>
      </c>
      <c r="V58" s="24">
        <v>91766</v>
      </c>
      <c r="W58" s="25">
        <v>14005</v>
      </c>
      <c r="X58" s="63">
        <v>15.3</v>
      </c>
      <c r="Y58" s="27">
        <v>90875</v>
      </c>
      <c r="Z58" s="25">
        <v>14494</v>
      </c>
      <c r="AA58" s="62">
        <v>15.9</v>
      </c>
      <c r="AB58" s="24">
        <v>89947</v>
      </c>
      <c r="AC58" s="25">
        <v>15067</v>
      </c>
      <c r="AD58" s="63">
        <v>16.8</v>
      </c>
      <c r="AE58" s="27">
        <v>89117</v>
      </c>
      <c r="AF58" s="25">
        <v>15529</v>
      </c>
      <c r="AG58" s="62">
        <v>17.399999999999999</v>
      </c>
      <c r="AH58" s="24">
        <v>88334</v>
      </c>
      <c r="AI58" s="25">
        <v>15974</v>
      </c>
      <c r="AJ58" s="63">
        <v>18.100000000000001</v>
      </c>
      <c r="AK58" s="27">
        <v>92402</v>
      </c>
      <c r="AL58" s="25">
        <v>17457</v>
      </c>
      <c r="AM58" s="62">
        <v>18.899999999999999</v>
      </c>
      <c r="AN58" s="24">
        <v>91188</v>
      </c>
      <c r="AO58" s="25">
        <v>17992</v>
      </c>
      <c r="AP58" s="63">
        <v>19.7</v>
      </c>
      <c r="AQ58" s="27">
        <v>90080</v>
      </c>
      <c r="AR58" s="25">
        <v>18394</v>
      </c>
      <c r="AS58" s="62">
        <v>20.399999999999999</v>
      </c>
      <c r="AT58" s="24">
        <v>88996</v>
      </c>
      <c r="AU58" s="25">
        <v>18967</v>
      </c>
      <c r="AV58" s="63">
        <v>21.3</v>
      </c>
      <c r="AW58" s="27">
        <v>87923</v>
      </c>
      <c r="AX58" s="25">
        <v>19229</v>
      </c>
      <c r="AY58" s="28">
        <v>21.9</v>
      </c>
      <c r="AZ58" s="24">
        <v>87151</v>
      </c>
      <c r="BA58" s="25">
        <v>19369</v>
      </c>
      <c r="BB58" s="63">
        <v>22.2</v>
      </c>
      <c r="BC58" s="27">
        <v>86172</v>
      </c>
      <c r="BD58" s="25">
        <v>19815</v>
      </c>
      <c r="BE58" s="28">
        <v>23</v>
      </c>
      <c r="BF58" s="24">
        <v>85143</v>
      </c>
      <c r="BG58" s="25">
        <v>85282</v>
      </c>
      <c r="BH58" s="25">
        <v>20438</v>
      </c>
      <c r="BI58" s="25">
        <v>20453</v>
      </c>
      <c r="BJ58" s="64">
        <v>24</v>
      </c>
      <c r="BK58" s="26">
        <v>24</v>
      </c>
      <c r="BL58" s="27">
        <v>84848</v>
      </c>
      <c r="BM58" s="25">
        <v>84986</v>
      </c>
      <c r="BN58" s="25">
        <v>20848</v>
      </c>
      <c r="BO58" s="25">
        <v>20862</v>
      </c>
      <c r="BP58" s="34">
        <v>24.6</v>
      </c>
      <c r="BQ58" s="62">
        <v>24.5</v>
      </c>
      <c r="BR58" s="24">
        <v>83955</v>
      </c>
      <c r="BS58" s="25">
        <v>84117</v>
      </c>
      <c r="BT58" s="25">
        <v>21616</v>
      </c>
      <c r="BU58" s="25">
        <v>21633</v>
      </c>
      <c r="BV58" s="34">
        <v>25.7</v>
      </c>
      <c r="BW58" s="26">
        <v>25.7</v>
      </c>
      <c r="BX58" s="27">
        <v>83032</v>
      </c>
      <c r="BY58" s="25">
        <v>83219</v>
      </c>
      <c r="BZ58" s="25">
        <v>22170</v>
      </c>
      <c r="CA58" s="25">
        <v>22186</v>
      </c>
      <c r="CB58" s="34">
        <v>26.7</v>
      </c>
      <c r="CC58" s="28">
        <v>26.7</v>
      </c>
      <c r="CD58" s="24">
        <v>81981</v>
      </c>
      <c r="CE58" s="25">
        <v>82158</v>
      </c>
      <c r="CF58" s="25">
        <v>22612</v>
      </c>
      <c r="CG58" s="25">
        <v>22628</v>
      </c>
      <c r="CH58" s="34">
        <v>27.6</v>
      </c>
      <c r="CI58" s="26">
        <v>27.5</v>
      </c>
      <c r="CJ58" s="27">
        <v>80916</v>
      </c>
      <c r="CK58" s="25">
        <v>81111</v>
      </c>
      <c r="CL58" s="25">
        <v>23001</v>
      </c>
      <c r="CM58" s="25">
        <v>23018</v>
      </c>
      <c r="CN58" s="34">
        <v>28.4</v>
      </c>
      <c r="CO58" s="28">
        <v>28.4</v>
      </c>
      <c r="CP58" s="24">
        <v>79870</v>
      </c>
      <c r="CQ58" s="25">
        <v>80102</v>
      </c>
      <c r="CR58" s="25">
        <v>23326</v>
      </c>
      <c r="CS58" s="25">
        <v>23343</v>
      </c>
      <c r="CT58" s="34">
        <v>29.2</v>
      </c>
      <c r="CU58" s="36">
        <v>29.1</v>
      </c>
      <c r="CV58" s="24">
        <v>78771</v>
      </c>
      <c r="CW58" s="25">
        <v>79066</v>
      </c>
      <c r="CX58" s="25">
        <v>23485</v>
      </c>
      <c r="CY58" s="25">
        <v>23503</v>
      </c>
      <c r="CZ58" s="34">
        <f t="shared" si="0"/>
        <v>29.8</v>
      </c>
      <c r="DA58" s="36">
        <f t="shared" si="1"/>
        <v>29.7</v>
      </c>
      <c r="DB58" s="24">
        <v>77663</v>
      </c>
      <c r="DC58" s="25">
        <v>77917</v>
      </c>
      <c r="DD58" s="25">
        <v>23531</v>
      </c>
      <c r="DE58" s="25">
        <v>23547</v>
      </c>
      <c r="DF58" s="34">
        <v>30.3</v>
      </c>
      <c r="DG58" s="36">
        <v>30.2</v>
      </c>
      <c r="DH58" s="24">
        <v>76513</v>
      </c>
      <c r="DI58" s="25">
        <v>76755</v>
      </c>
      <c r="DJ58" s="25">
        <v>23478</v>
      </c>
      <c r="DK58" s="25">
        <v>23497</v>
      </c>
      <c r="DL58" s="34">
        <f t="shared" si="2"/>
        <v>30.684981637107416</v>
      </c>
      <c r="DM58" s="36">
        <f t="shared" si="3"/>
        <v>30.612989381799231</v>
      </c>
      <c r="DN58" s="24">
        <v>75207</v>
      </c>
      <c r="DO58" s="25">
        <v>75508</v>
      </c>
      <c r="DP58" s="25">
        <v>23348</v>
      </c>
      <c r="DQ58" s="25">
        <v>23365</v>
      </c>
      <c r="DR58" s="34">
        <f t="shared" si="4"/>
        <v>31.044982514925472</v>
      </c>
      <c r="DS58" s="36">
        <f t="shared" si="5"/>
        <v>30.943741060549872</v>
      </c>
    </row>
    <row r="59" spans="1:123" x14ac:dyDescent="0.2">
      <c r="A59" s="175"/>
      <c r="B59" s="176"/>
      <c r="C59" s="122" t="s">
        <v>63</v>
      </c>
      <c r="D59" s="40">
        <v>102605</v>
      </c>
      <c r="E59" s="38">
        <v>14140</v>
      </c>
      <c r="F59" s="39">
        <v>13.8</v>
      </c>
      <c r="G59" s="40">
        <v>102013</v>
      </c>
      <c r="H59" s="38">
        <v>14892</v>
      </c>
      <c r="I59" s="41">
        <v>14.6</v>
      </c>
      <c r="J59" s="37">
        <v>101707</v>
      </c>
      <c r="K59" s="38">
        <v>15559</v>
      </c>
      <c r="L59" s="39">
        <v>15.3</v>
      </c>
      <c r="M59" s="40">
        <v>101175</v>
      </c>
      <c r="N59" s="38">
        <v>16246</v>
      </c>
      <c r="O59" s="41">
        <v>16.100000000000001</v>
      </c>
      <c r="P59" s="37">
        <v>100682</v>
      </c>
      <c r="Q59" s="38">
        <v>16977</v>
      </c>
      <c r="R59" s="39">
        <v>16.899999999999999</v>
      </c>
      <c r="S59" s="40">
        <v>99922</v>
      </c>
      <c r="T59" s="38">
        <v>17825</v>
      </c>
      <c r="U59" s="67">
        <v>17.8</v>
      </c>
      <c r="V59" s="37">
        <v>99526</v>
      </c>
      <c r="W59" s="38">
        <v>18663</v>
      </c>
      <c r="X59" s="68">
        <v>18.8</v>
      </c>
      <c r="Y59" s="40">
        <v>99000</v>
      </c>
      <c r="Z59" s="38">
        <v>19391</v>
      </c>
      <c r="AA59" s="67">
        <v>19.600000000000001</v>
      </c>
      <c r="AB59" s="37">
        <v>98146</v>
      </c>
      <c r="AC59" s="38">
        <v>20137</v>
      </c>
      <c r="AD59" s="68">
        <v>20.5</v>
      </c>
      <c r="AE59" s="40">
        <v>97571</v>
      </c>
      <c r="AF59" s="38">
        <v>20867</v>
      </c>
      <c r="AG59" s="67">
        <v>21.4</v>
      </c>
      <c r="AH59" s="37">
        <v>96825</v>
      </c>
      <c r="AI59" s="38">
        <v>21505</v>
      </c>
      <c r="AJ59" s="68">
        <v>22.2</v>
      </c>
      <c r="AK59" s="40">
        <v>101208</v>
      </c>
      <c r="AL59" s="38">
        <v>23540</v>
      </c>
      <c r="AM59" s="67">
        <v>23.3</v>
      </c>
      <c r="AN59" s="37">
        <v>100219</v>
      </c>
      <c r="AO59" s="38">
        <v>24414</v>
      </c>
      <c r="AP59" s="68">
        <v>24.4</v>
      </c>
      <c r="AQ59" s="40">
        <v>99459</v>
      </c>
      <c r="AR59" s="38">
        <v>25107</v>
      </c>
      <c r="AS59" s="67">
        <v>25.2</v>
      </c>
      <c r="AT59" s="37">
        <v>98573</v>
      </c>
      <c r="AU59" s="38">
        <v>25856</v>
      </c>
      <c r="AV59" s="68">
        <v>26.2</v>
      </c>
      <c r="AW59" s="40">
        <v>97564</v>
      </c>
      <c r="AX59" s="38">
        <v>26357</v>
      </c>
      <c r="AY59" s="41">
        <v>27</v>
      </c>
      <c r="AZ59" s="37">
        <v>96965</v>
      </c>
      <c r="BA59" s="38">
        <v>26655</v>
      </c>
      <c r="BB59" s="68">
        <v>27.5</v>
      </c>
      <c r="BC59" s="40">
        <v>96091</v>
      </c>
      <c r="BD59" s="38">
        <v>27384</v>
      </c>
      <c r="BE59" s="41">
        <v>28.5</v>
      </c>
      <c r="BF59" s="37">
        <v>95313</v>
      </c>
      <c r="BG59" s="38">
        <v>95611</v>
      </c>
      <c r="BH59" s="38">
        <v>28253</v>
      </c>
      <c r="BI59" s="38">
        <v>28269</v>
      </c>
      <c r="BJ59" s="69">
        <v>29.6</v>
      </c>
      <c r="BK59" s="39">
        <v>29.6</v>
      </c>
      <c r="BL59" s="40">
        <v>94906</v>
      </c>
      <c r="BM59" s="38">
        <v>95174</v>
      </c>
      <c r="BN59" s="38">
        <v>28838</v>
      </c>
      <c r="BO59" s="38">
        <v>28856</v>
      </c>
      <c r="BP59" s="47">
        <v>30.4</v>
      </c>
      <c r="BQ59" s="67">
        <v>30.3</v>
      </c>
      <c r="BR59" s="37">
        <v>93966</v>
      </c>
      <c r="BS59" s="38">
        <v>94277</v>
      </c>
      <c r="BT59" s="38">
        <v>29906</v>
      </c>
      <c r="BU59" s="38">
        <v>29924</v>
      </c>
      <c r="BV59" s="47">
        <v>31.8</v>
      </c>
      <c r="BW59" s="39">
        <v>31.7</v>
      </c>
      <c r="BX59" s="40">
        <v>93007</v>
      </c>
      <c r="BY59" s="38">
        <v>93357</v>
      </c>
      <c r="BZ59" s="38">
        <v>30663</v>
      </c>
      <c r="CA59" s="38">
        <v>30681</v>
      </c>
      <c r="CB59" s="47">
        <v>33</v>
      </c>
      <c r="CC59" s="41">
        <v>32.9</v>
      </c>
      <c r="CD59" s="37">
        <v>91912</v>
      </c>
      <c r="CE59" s="38">
        <v>92360</v>
      </c>
      <c r="CF59" s="38">
        <v>31396</v>
      </c>
      <c r="CG59" s="38">
        <v>31420</v>
      </c>
      <c r="CH59" s="47">
        <v>34.200000000000003</v>
      </c>
      <c r="CI59" s="39">
        <v>34</v>
      </c>
      <c r="CJ59" s="40">
        <v>90728</v>
      </c>
      <c r="CK59" s="38">
        <v>91280</v>
      </c>
      <c r="CL59" s="38">
        <v>31946</v>
      </c>
      <c r="CM59" s="38">
        <v>31972</v>
      </c>
      <c r="CN59" s="47">
        <v>35.200000000000003</v>
      </c>
      <c r="CO59" s="41">
        <v>35</v>
      </c>
      <c r="CP59" s="37">
        <v>89635</v>
      </c>
      <c r="CQ59" s="38">
        <v>90262</v>
      </c>
      <c r="CR59" s="38">
        <v>32438</v>
      </c>
      <c r="CS59" s="38">
        <v>32464</v>
      </c>
      <c r="CT59" s="47">
        <v>36.200000000000003</v>
      </c>
      <c r="CU59" s="49">
        <v>36</v>
      </c>
      <c r="CV59" s="37">
        <v>88280</v>
      </c>
      <c r="CW59" s="38">
        <v>89020</v>
      </c>
      <c r="CX59" s="38">
        <v>32756</v>
      </c>
      <c r="CY59" s="38">
        <v>32782</v>
      </c>
      <c r="CZ59" s="47">
        <f t="shared" si="0"/>
        <v>37.1</v>
      </c>
      <c r="DA59" s="49">
        <f t="shared" si="1"/>
        <v>36.799999999999997</v>
      </c>
      <c r="DB59" s="37">
        <v>87085</v>
      </c>
      <c r="DC59" s="38">
        <v>87750</v>
      </c>
      <c r="DD59" s="38">
        <v>33005</v>
      </c>
      <c r="DE59" s="38">
        <v>33028</v>
      </c>
      <c r="DF59" s="47">
        <v>37.9</v>
      </c>
      <c r="DG59" s="49">
        <v>37.6</v>
      </c>
      <c r="DH59" s="37">
        <v>85785</v>
      </c>
      <c r="DI59" s="38">
        <v>86355</v>
      </c>
      <c r="DJ59" s="38">
        <v>32956</v>
      </c>
      <c r="DK59" s="38">
        <v>32980</v>
      </c>
      <c r="DL59" s="47">
        <f t="shared" si="2"/>
        <v>38.416972664218683</v>
      </c>
      <c r="DM59" s="49">
        <f t="shared" si="3"/>
        <v>38.191187539806613</v>
      </c>
      <c r="DN59" s="37">
        <v>84369</v>
      </c>
      <c r="DO59" s="38">
        <v>84975</v>
      </c>
      <c r="DP59" s="38">
        <v>32867</v>
      </c>
      <c r="DQ59" s="38">
        <v>32894</v>
      </c>
      <c r="DR59" s="47">
        <f t="shared" si="4"/>
        <v>38.956251703824861</v>
      </c>
      <c r="DS59" s="49">
        <f t="shared" si="5"/>
        <v>38.710208884966171</v>
      </c>
    </row>
    <row r="60" spans="1:123" x14ac:dyDescent="0.2">
      <c r="A60" s="175" t="s">
        <v>30</v>
      </c>
      <c r="B60" s="176"/>
      <c r="C60" s="121" t="s">
        <v>61</v>
      </c>
      <c r="D60" s="53">
        <v>170310</v>
      </c>
      <c r="E60" s="51">
        <v>19968</v>
      </c>
      <c r="F60" s="52">
        <v>11.7</v>
      </c>
      <c r="G60" s="53">
        <v>171300</v>
      </c>
      <c r="H60" s="51">
        <v>21060</v>
      </c>
      <c r="I60" s="54">
        <v>12.3</v>
      </c>
      <c r="J60" s="50">
        <v>172279</v>
      </c>
      <c r="K60" s="51">
        <v>22068</v>
      </c>
      <c r="L60" s="52">
        <v>12.8</v>
      </c>
      <c r="M60" s="53">
        <v>172935</v>
      </c>
      <c r="N60" s="51">
        <v>23297</v>
      </c>
      <c r="O60" s="54">
        <v>13.5</v>
      </c>
      <c r="P60" s="50">
        <v>173488</v>
      </c>
      <c r="Q60" s="51">
        <v>24329</v>
      </c>
      <c r="R60" s="52">
        <v>14</v>
      </c>
      <c r="S60" s="53">
        <v>173512</v>
      </c>
      <c r="T60" s="51">
        <v>25603</v>
      </c>
      <c r="U60" s="58">
        <v>14.8</v>
      </c>
      <c r="V60" s="50">
        <v>173430</v>
      </c>
      <c r="W60" s="51">
        <v>26875</v>
      </c>
      <c r="X60" s="55">
        <v>15.5</v>
      </c>
      <c r="Y60" s="53">
        <v>173183</v>
      </c>
      <c r="Z60" s="51">
        <v>27914</v>
      </c>
      <c r="AA60" s="58">
        <v>16.100000000000001</v>
      </c>
      <c r="AB60" s="50">
        <v>172703</v>
      </c>
      <c r="AC60" s="51">
        <v>29064</v>
      </c>
      <c r="AD60" s="55">
        <v>16.8</v>
      </c>
      <c r="AE60" s="53">
        <v>171132</v>
      </c>
      <c r="AF60" s="51">
        <v>30133</v>
      </c>
      <c r="AG60" s="58">
        <v>17.600000000000001</v>
      </c>
      <c r="AH60" s="50">
        <v>170907</v>
      </c>
      <c r="AI60" s="51">
        <v>31264</v>
      </c>
      <c r="AJ60" s="55">
        <v>18.3</v>
      </c>
      <c r="AK60" s="53">
        <v>170893</v>
      </c>
      <c r="AL60" s="51">
        <v>32579</v>
      </c>
      <c r="AM60" s="58">
        <v>19.100000000000001</v>
      </c>
      <c r="AN60" s="50">
        <v>170286</v>
      </c>
      <c r="AO60" s="51">
        <v>33911</v>
      </c>
      <c r="AP60" s="55">
        <v>19.899999999999999</v>
      </c>
      <c r="AQ60" s="53">
        <v>169156</v>
      </c>
      <c r="AR60" s="51">
        <v>35118</v>
      </c>
      <c r="AS60" s="58">
        <v>20.8</v>
      </c>
      <c r="AT60" s="50">
        <v>168532</v>
      </c>
      <c r="AU60" s="51">
        <v>36206</v>
      </c>
      <c r="AV60" s="55">
        <v>21.5</v>
      </c>
      <c r="AW60" s="53">
        <v>167395</v>
      </c>
      <c r="AX60" s="51">
        <v>37064</v>
      </c>
      <c r="AY60" s="54">
        <v>22.1</v>
      </c>
      <c r="AZ60" s="50">
        <v>168464</v>
      </c>
      <c r="BA60" s="51">
        <v>37704</v>
      </c>
      <c r="BB60" s="55">
        <v>22.4</v>
      </c>
      <c r="BC60" s="53">
        <v>168188</v>
      </c>
      <c r="BD60" s="51">
        <v>38981</v>
      </c>
      <c r="BE60" s="54">
        <v>23.2</v>
      </c>
      <c r="BF60" s="50">
        <v>168205</v>
      </c>
      <c r="BG60" s="51">
        <v>168678</v>
      </c>
      <c r="BH60" s="51">
        <v>40358</v>
      </c>
      <c r="BI60" s="51">
        <v>40403</v>
      </c>
      <c r="BJ60" s="56">
        <v>24</v>
      </c>
      <c r="BK60" s="52">
        <v>24</v>
      </c>
      <c r="BL60" s="53">
        <v>168614</v>
      </c>
      <c r="BM60" s="51">
        <v>169104</v>
      </c>
      <c r="BN60" s="51">
        <v>41309</v>
      </c>
      <c r="BO60" s="51">
        <v>41355</v>
      </c>
      <c r="BP60" s="57">
        <v>24.5</v>
      </c>
      <c r="BQ60" s="58">
        <v>24.5</v>
      </c>
      <c r="BR60" s="50">
        <v>168255</v>
      </c>
      <c r="BS60" s="51">
        <v>168753</v>
      </c>
      <c r="BT60" s="51">
        <v>42968</v>
      </c>
      <c r="BU60" s="51">
        <v>43017</v>
      </c>
      <c r="BV60" s="57">
        <v>25.5</v>
      </c>
      <c r="BW60" s="52">
        <v>25.5</v>
      </c>
      <c r="BX60" s="53">
        <v>167994</v>
      </c>
      <c r="BY60" s="51">
        <v>168539</v>
      </c>
      <c r="BZ60" s="51">
        <v>44398</v>
      </c>
      <c r="CA60" s="51">
        <v>44451</v>
      </c>
      <c r="CB60" s="57">
        <v>26.4</v>
      </c>
      <c r="CC60" s="54">
        <v>26.4</v>
      </c>
      <c r="CD60" s="50">
        <v>167515</v>
      </c>
      <c r="CE60" s="51">
        <v>168096</v>
      </c>
      <c r="CF60" s="51">
        <v>45546</v>
      </c>
      <c r="CG60" s="51">
        <v>45603</v>
      </c>
      <c r="CH60" s="57">
        <v>27.2</v>
      </c>
      <c r="CI60" s="52">
        <v>27.1</v>
      </c>
      <c r="CJ60" s="53">
        <v>166978</v>
      </c>
      <c r="CK60" s="51">
        <v>167653</v>
      </c>
      <c r="CL60" s="51">
        <v>46641</v>
      </c>
      <c r="CM60" s="51">
        <v>46704</v>
      </c>
      <c r="CN60" s="57">
        <v>27.9</v>
      </c>
      <c r="CO60" s="54">
        <v>27.9</v>
      </c>
      <c r="CP60" s="50">
        <v>166131</v>
      </c>
      <c r="CQ60" s="51">
        <v>166889</v>
      </c>
      <c r="CR60" s="51">
        <v>47450</v>
      </c>
      <c r="CS60" s="51">
        <v>47515</v>
      </c>
      <c r="CT60" s="57">
        <v>28.6</v>
      </c>
      <c r="CU60" s="61">
        <v>28.5</v>
      </c>
      <c r="CV60" s="50">
        <v>165202</v>
      </c>
      <c r="CW60" s="51">
        <v>166043</v>
      </c>
      <c r="CX60" s="51">
        <v>48135</v>
      </c>
      <c r="CY60" s="51">
        <v>48205</v>
      </c>
      <c r="CZ60" s="21">
        <f t="shared" si="0"/>
        <v>29.1</v>
      </c>
      <c r="DA60" s="23">
        <f t="shared" si="1"/>
        <v>29</v>
      </c>
      <c r="DB60" s="50">
        <v>164792</v>
      </c>
      <c r="DC60" s="51">
        <v>165670</v>
      </c>
      <c r="DD60" s="51">
        <v>48757</v>
      </c>
      <c r="DE60" s="51">
        <v>48828</v>
      </c>
      <c r="DF60" s="21">
        <v>29.6</v>
      </c>
      <c r="DG60" s="23">
        <v>29.5</v>
      </c>
      <c r="DH60" s="50">
        <v>164128</v>
      </c>
      <c r="DI60" s="51">
        <v>165047</v>
      </c>
      <c r="DJ60" s="51">
        <v>49264</v>
      </c>
      <c r="DK60" s="51">
        <v>49334</v>
      </c>
      <c r="DL60" s="57">
        <f t="shared" si="2"/>
        <v>30.015597582374731</v>
      </c>
      <c r="DM60" s="61">
        <f t="shared" si="3"/>
        <v>29.890879567638308</v>
      </c>
      <c r="DN60" s="50">
        <v>162999</v>
      </c>
      <c r="DO60" s="51">
        <v>164014</v>
      </c>
      <c r="DP60" s="51">
        <v>49340</v>
      </c>
      <c r="DQ60" s="51">
        <v>49415</v>
      </c>
      <c r="DR60" s="57">
        <f t="shared" si="4"/>
        <v>30.270124356591143</v>
      </c>
      <c r="DS60" s="61">
        <f t="shared" si="5"/>
        <v>30.128525613667129</v>
      </c>
    </row>
    <row r="61" spans="1:123" x14ac:dyDescent="0.2">
      <c r="A61" s="175"/>
      <c r="B61" s="176"/>
      <c r="C61" s="123" t="s">
        <v>62</v>
      </c>
      <c r="D61" s="27">
        <v>82648</v>
      </c>
      <c r="E61" s="25">
        <v>8728</v>
      </c>
      <c r="F61" s="26">
        <v>10.6</v>
      </c>
      <c r="G61" s="27">
        <v>83146</v>
      </c>
      <c r="H61" s="25">
        <v>9265</v>
      </c>
      <c r="I61" s="28">
        <v>11.1</v>
      </c>
      <c r="J61" s="24">
        <v>83727</v>
      </c>
      <c r="K61" s="25">
        <v>9759</v>
      </c>
      <c r="L61" s="26">
        <v>11.7</v>
      </c>
      <c r="M61" s="27">
        <v>83974</v>
      </c>
      <c r="N61" s="25">
        <v>10348</v>
      </c>
      <c r="O61" s="28">
        <v>12.3</v>
      </c>
      <c r="P61" s="24">
        <v>84172</v>
      </c>
      <c r="Q61" s="25">
        <v>10859</v>
      </c>
      <c r="R61" s="26">
        <v>12.9</v>
      </c>
      <c r="S61" s="27">
        <v>84147</v>
      </c>
      <c r="T61" s="25">
        <v>11417</v>
      </c>
      <c r="U61" s="62">
        <v>13.6</v>
      </c>
      <c r="V61" s="24">
        <v>84088</v>
      </c>
      <c r="W61" s="25">
        <v>11967</v>
      </c>
      <c r="X61" s="63">
        <v>14.2</v>
      </c>
      <c r="Y61" s="27">
        <v>83838</v>
      </c>
      <c r="Z61" s="25">
        <v>12394</v>
      </c>
      <c r="AA61" s="62">
        <v>14.8</v>
      </c>
      <c r="AB61" s="24">
        <v>83447</v>
      </c>
      <c r="AC61" s="25">
        <v>12826</v>
      </c>
      <c r="AD61" s="63">
        <v>15.4</v>
      </c>
      <c r="AE61" s="27">
        <v>82387</v>
      </c>
      <c r="AF61" s="25">
        <v>13216</v>
      </c>
      <c r="AG61" s="62">
        <v>16</v>
      </c>
      <c r="AH61" s="24">
        <v>82254</v>
      </c>
      <c r="AI61" s="25">
        <v>13679</v>
      </c>
      <c r="AJ61" s="63">
        <v>16.600000000000001</v>
      </c>
      <c r="AK61" s="27">
        <v>82120</v>
      </c>
      <c r="AL61" s="25">
        <v>14230</v>
      </c>
      <c r="AM61" s="62">
        <v>17.3</v>
      </c>
      <c r="AN61" s="24">
        <v>81699</v>
      </c>
      <c r="AO61" s="25">
        <v>14749</v>
      </c>
      <c r="AP61" s="63">
        <v>18.100000000000001</v>
      </c>
      <c r="AQ61" s="27">
        <v>81047</v>
      </c>
      <c r="AR61" s="25">
        <v>15252</v>
      </c>
      <c r="AS61" s="62">
        <v>18.8</v>
      </c>
      <c r="AT61" s="24">
        <v>80620</v>
      </c>
      <c r="AU61" s="25">
        <v>15653</v>
      </c>
      <c r="AV61" s="63">
        <v>19.399999999999999</v>
      </c>
      <c r="AW61" s="27">
        <v>80027</v>
      </c>
      <c r="AX61" s="25">
        <v>15925</v>
      </c>
      <c r="AY61" s="28">
        <v>19.899999999999999</v>
      </c>
      <c r="AZ61" s="24">
        <v>80750</v>
      </c>
      <c r="BA61" s="25">
        <v>16092</v>
      </c>
      <c r="BB61" s="63">
        <v>19.899999999999999</v>
      </c>
      <c r="BC61" s="27">
        <v>80566</v>
      </c>
      <c r="BD61" s="25">
        <v>16595</v>
      </c>
      <c r="BE61" s="28">
        <v>20.6</v>
      </c>
      <c r="BF61" s="24">
        <v>80466</v>
      </c>
      <c r="BG61" s="25">
        <v>80703</v>
      </c>
      <c r="BH61" s="25">
        <v>17141</v>
      </c>
      <c r="BI61" s="25">
        <v>17162</v>
      </c>
      <c r="BJ61" s="64">
        <v>21.3</v>
      </c>
      <c r="BK61" s="26">
        <v>21.3</v>
      </c>
      <c r="BL61" s="27">
        <v>80698</v>
      </c>
      <c r="BM61" s="25">
        <v>80925</v>
      </c>
      <c r="BN61" s="25">
        <v>17572</v>
      </c>
      <c r="BO61" s="25">
        <v>17594</v>
      </c>
      <c r="BP61" s="34">
        <v>21.8</v>
      </c>
      <c r="BQ61" s="62">
        <v>21.7</v>
      </c>
      <c r="BR61" s="24">
        <v>80341</v>
      </c>
      <c r="BS61" s="25">
        <v>80567</v>
      </c>
      <c r="BT61" s="25">
        <v>18246</v>
      </c>
      <c r="BU61" s="25">
        <v>18270</v>
      </c>
      <c r="BV61" s="34">
        <v>22.7</v>
      </c>
      <c r="BW61" s="26">
        <v>22.7</v>
      </c>
      <c r="BX61" s="27">
        <v>80116</v>
      </c>
      <c r="BY61" s="25">
        <v>80377</v>
      </c>
      <c r="BZ61" s="25">
        <v>18810</v>
      </c>
      <c r="CA61" s="25">
        <v>18836</v>
      </c>
      <c r="CB61" s="34">
        <v>23.5</v>
      </c>
      <c r="CC61" s="28">
        <v>23.4</v>
      </c>
      <c r="CD61" s="24">
        <v>79878</v>
      </c>
      <c r="CE61" s="25">
        <v>80171</v>
      </c>
      <c r="CF61" s="25">
        <v>19295</v>
      </c>
      <c r="CG61" s="25">
        <v>19322</v>
      </c>
      <c r="CH61" s="34">
        <v>24.2</v>
      </c>
      <c r="CI61" s="26">
        <v>24.1</v>
      </c>
      <c r="CJ61" s="27">
        <v>79658</v>
      </c>
      <c r="CK61" s="25">
        <v>80024</v>
      </c>
      <c r="CL61" s="25">
        <v>19741</v>
      </c>
      <c r="CM61" s="25">
        <v>19771</v>
      </c>
      <c r="CN61" s="34">
        <v>24.8</v>
      </c>
      <c r="CO61" s="28">
        <v>24.7</v>
      </c>
      <c r="CP61" s="24">
        <v>79174</v>
      </c>
      <c r="CQ61" s="25">
        <v>79592</v>
      </c>
      <c r="CR61" s="25">
        <v>20021</v>
      </c>
      <c r="CS61" s="25">
        <v>20052</v>
      </c>
      <c r="CT61" s="34">
        <v>25.3</v>
      </c>
      <c r="CU61" s="36">
        <v>25.2</v>
      </c>
      <c r="CV61" s="24">
        <v>78744</v>
      </c>
      <c r="CW61" s="25">
        <v>79205</v>
      </c>
      <c r="CX61" s="25">
        <v>20262</v>
      </c>
      <c r="CY61" s="25">
        <v>20293</v>
      </c>
      <c r="CZ61" s="34">
        <f t="shared" si="0"/>
        <v>25.7</v>
      </c>
      <c r="DA61" s="36">
        <f t="shared" si="1"/>
        <v>25.6</v>
      </c>
      <c r="DB61" s="24">
        <v>78473</v>
      </c>
      <c r="DC61" s="25">
        <v>78962</v>
      </c>
      <c r="DD61" s="25">
        <v>20498</v>
      </c>
      <c r="DE61" s="25">
        <v>20530</v>
      </c>
      <c r="DF61" s="34">
        <v>26.1</v>
      </c>
      <c r="DG61" s="36">
        <v>26</v>
      </c>
      <c r="DH61" s="24">
        <v>78201</v>
      </c>
      <c r="DI61" s="25">
        <v>78696</v>
      </c>
      <c r="DJ61" s="25">
        <v>20734</v>
      </c>
      <c r="DK61" s="25">
        <v>20766</v>
      </c>
      <c r="DL61" s="34">
        <f t="shared" si="2"/>
        <v>26.513727445940589</v>
      </c>
      <c r="DM61" s="36">
        <f t="shared" si="3"/>
        <v>26.387618176273254</v>
      </c>
      <c r="DN61" s="24">
        <v>77706</v>
      </c>
      <c r="DO61" s="25">
        <v>78271</v>
      </c>
      <c r="DP61" s="25">
        <v>20755</v>
      </c>
      <c r="DQ61" s="25">
        <v>20788</v>
      </c>
      <c r="DR61" s="34">
        <f t="shared" si="4"/>
        <v>26.709649190538698</v>
      </c>
      <c r="DS61" s="36">
        <f t="shared" si="5"/>
        <v>26.559006528599355</v>
      </c>
    </row>
    <row r="62" spans="1:123" x14ac:dyDescent="0.2">
      <c r="A62" s="175"/>
      <c r="B62" s="176"/>
      <c r="C62" s="122" t="s">
        <v>63</v>
      </c>
      <c r="D62" s="40">
        <v>87662</v>
      </c>
      <c r="E62" s="38">
        <v>11240</v>
      </c>
      <c r="F62" s="39">
        <v>12.8</v>
      </c>
      <c r="G62" s="40">
        <v>88154</v>
      </c>
      <c r="H62" s="38">
        <v>11795</v>
      </c>
      <c r="I62" s="41">
        <v>13.4</v>
      </c>
      <c r="J62" s="37">
        <v>88552</v>
      </c>
      <c r="K62" s="38">
        <v>12309</v>
      </c>
      <c r="L62" s="39">
        <v>13.9</v>
      </c>
      <c r="M62" s="40">
        <v>88961</v>
      </c>
      <c r="N62" s="38">
        <v>12949</v>
      </c>
      <c r="O62" s="41">
        <v>14.6</v>
      </c>
      <c r="P62" s="37">
        <v>89316</v>
      </c>
      <c r="Q62" s="38">
        <v>13470</v>
      </c>
      <c r="R62" s="39">
        <v>15.1</v>
      </c>
      <c r="S62" s="40">
        <v>89365</v>
      </c>
      <c r="T62" s="38">
        <v>14186</v>
      </c>
      <c r="U62" s="67">
        <v>15.9</v>
      </c>
      <c r="V62" s="37">
        <v>89342</v>
      </c>
      <c r="W62" s="38">
        <v>14908</v>
      </c>
      <c r="X62" s="68">
        <v>16.7</v>
      </c>
      <c r="Y62" s="40">
        <v>89345</v>
      </c>
      <c r="Z62" s="38">
        <v>15520</v>
      </c>
      <c r="AA62" s="67">
        <v>17.399999999999999</v>
      </c>
      <c r="AB62" s="37">
        <v>89256</v>
      </c>
      <c r="AC62" s="38">
        <v>16238</v>
      </c>
      <c r="AD62" s="68">
        <v>18.2</v>
      </c>
      <c r="AE62" s="40">
        <v>88745</v>
      </c>
      <c r="AF62" s="38">
        <v>16917</v>
      </c>
      <c r="AG62" s="67">
        <v>19.100000000000001</v>
      </c>
      <c r="AH62" s="37">
        <v>88653</v>
      </c>
      <c r="AI62" s="38">
        <v>17585</v>
      </c>
      <c r="AJ62" s="68">
        <v>19.8</v>
      </c>
      <c r="AK62" s="40">
        <v>88773</v>
      </c>
      <c r="AL62" s="38">
        <v>18349</v>
      </c>
      <c r="AM62" s="67">
        <v>20.7</v>
      </c>
      <c r="AN62" s="37">
        <v>88587</v>
      </c>
      <c r="AO62" s="38">
        <v>19162</v>
      </c>
      <c r="AP62" s="68">
        <v>21.6</v>
      </c>
      <c r="AQ62" s="40">
        <v>88109</v>
      </c>
      <c r="AR62" s="38">
        <v>19866</v>
      </c>
      <c r="AS62" s="67">
        <v>22.5</v>
      </c>
      <c r="AT62" s="37">
        <v>87912</v>
      </c>
      <c r="AU62" s="38">
        <v>20553</v>
      </c>
      <c r="AV62" s="68">
        <v>23.4</v>
      </c>
      <c r="AW62" s="40">
        <v>87368</v>
      </c>
      <c r="AX62" s="38">
        <v>21139</v>
      </c>
      <c r="AY62" s="41">
        <v>24.2</v>
      </c>
      <c r="AZ62" s="37">
        <v>87714</v>
      </c>
      <c r="BA62" s="38">
        <v>21612</v>
      </c>
      <c r="BB62" s="68">
        <v>24.6</v>
      </c>
      <c r="BC62" s="40">
        <v>87622</v>
      </c>
      <c r="BD62" s="38">
        <v>22386</v>
      </c>
      <c r="BE62" s="41">
        <v>25.5</v>
      </c>
      <c r="BF62" s="37">
        <v>87739</v>
      </c>
      <c r="BG62" s="38">
        <v>87975</v>
      </c>
      <c r="BH62" s="38">
        <v>23217</v>
      </c>
      <c r="BI62" s="38">
        <v>23241</v>
      </c>
      <c r="BJ62" s="69">
        <v>26.5</v>
      </c>
      <c r="BK62" s="39">
        <v>26.4</v>
      </c>
      <c r="BL62" s="40">
        <v>87916</v>
      </c>
      <c r="BM62" s="38">
        <v>88179</v>
      </c>
      <c r="BN62" s="38">
        <v>23737</v>
      </c>
      <c r="BO62" s="38">
        <v>23761</v>
      </c>
      <c r="BP62" s="47">
        <v>27</v>
      </c>
      <c r="BQ62" s="67">
        <v>26.9</v>
      </c>
      <c r="BR62" s="37">
        <v>87914</v>
      </c>
      <c r="BS62" s="38">
        <v>88186</v>
      </c>
      <c r="BT62" s="38">
        <v>24722</v>
      </c>
      <c r="BU62" s="38">
        <v>24747</v>
      </c>
      <c r="BV62" s="47">
        <v>28.1</v>
      </c>
      <c r="BW62" s="39">
        <v>28.1</v>
      </c>
      <c r="BX62" s="40">
        <v>87878</v>
      </c>
      <c r="BY62" s="38">
        <v>88162</v>
      </c>
      <c r="BZ62" s="38">
        <v>25588</v>
      </c>
      <c r="CA62" s="38">
        <v>25615</v>
      </c>
      <c r="CB62" s="47">
        <v>29.1</v>
      </c>
      <c r="CC62" s="41">
        <v>29.1</v>
      </c>
      <c r="CD62" s="37">
        <v>87637</v>
      </c>
      <c r="CE62" s="38">
        <v>87925</v>
      </c>
      <c r="CF62" s="38">
        <v>26251</v>
      </c>
      <c r="CG62" s="38">
        <v>26281</v>
      </c>
      <c r="CH62" s="47">
        <v>30</v>
      </c>
      <c r="CI62" s="39">
        <v>29.9</v>
      </c>
      <c r="CJ62" s="40">
        <v>87320</v>
      </c>
      <c r="CK62" s="38">
        <v>87629</v>
      </c>
      <c r="CL62" s="38">
        <v>26900</v>
      </c>
      <c r="CM62" s="38">
        <v>26933</v>
      </c>
      <c r="CN62" s="47">
        <v>30.8</v>
      </c>
      <c r="CO62" s="41">
        <v>30.7</v>
      </c>
      <c r="CP62" s="37">
        <v>86957</v>
      </c>
      <c r="CQ62" s="38">
        <v>87297</v>
      </c>
      <c r="CR62" s="38">
        <v>27429</v>
      </c>
      <c r="CS62" s="38">
        <v>27463</v>
      </c>
      <c r="CT62" s="47">
        <v>31.5</v>
      </c>
      <c r="CU62" s="49">
        <v>31.5</v>
      </c>
      <c r="CV62" s="37">
        <v>86458</v>
      </c>
      <c r="CW62" s="38">
        <v>86838</v>
      </c>
      <c r="CX62" s="38">
        <v>27873</v>
      </c>
      <c r="CY62" s="38">
        <v>27912</v>
      </c>
      <c r="CZ62" s="47">
        <f t="shared" si="0"/>
        <v>32.200000000000003</v>
      </c>
      <c r="DA62" s="49">
        <f t="shared" si="1"/>
        <v>32.1</v>
      </c>
      <c r="DB62" s="37">
        <v>86319</v>
      </c>
      <c r="DC62" s="38">
        <v>86708</v>
      </c>
      <c r="DD62" s="38">
        <v>28259</v>
      </c>
      <c r="DE62" s="38">
        <v>28298</v>
      </c>
      <c r="DF62" s="47">
        <v>32.700000000000003</v>
      </c>
      <c r="DG62" s="49">
        <v>32.6</v>
      </c>
      <c r="DH62" s="37">
        <v>85927</v>
      </c>
      <c r="DI62" s="38">
        <v>86351</v>
      </c>
      <c r="DJ62" s="38">
        <v>28530</v>
      </c>
      <c r="DK62" s="38">
        <v>28568</v>
      </c>
      <c r="DL62" s="47">
        <f t="shared" si="2"/>
        <v>33.202602208851701</v>
      </c>
      <c r="DM62" s="23">
        <f t="shared" si="3"/>
        <v>33.083577491864595</v>
      </c>
      <c r="DN62" s="37">
        <v>85293</v>
      </c>
      <c r="DO62" s="38">
        <v>85743</v>
      </c>
      <c r="DP62" s="38">
        <v>28585</v>
      </c>
      <c r="DQ62" s="38">
        <v>28627</v>
      </c>
      <c r="DR62" s="47">
        <f t="shared" si="4"/>
        <v>33.513887423352443</v>
      </c>
      <c r="DS62" s="23">
        <f t="shared" si="5"/>
        <v>33.386982027687388</v>
      </c>
    </row>
    <row r="63" spans="1:123" x14ac:dyDescent="0.2">
      <c r="A63" s="175" t="s">
        <v>31</v>
      </c>
      <c r="B63" s="176"/>
      <c r="C63" s="121" t="s">
        <v>61</v>
      </c>
      <c r="D63" s="53">
        <v>108302</v>
      </c>
      <c r="E63" s="51">
        <v>14158</v>
      </c>
      <c r="F63" s="52">
        <v>13.1</v>
      </c>
      <c r="G63" s="53">
        <v>109047</v>
      </c>
      <c r="H63" s="51">
        <v>14900</v>
      </c>
      <c r="I63" s="54">
        <v>13.7</v>
      </c>
      <c r="J63" s="50">
        <v>109646</v>
      </c>
      <c r="K63" s="51">
        <v>15614</v>
      </c>
      <c r="L63" s="52">
        <v>14.2</v>
      </c>
      <c r="M63" s="53">
        <v>110249</v>
      </c>
      <c r="N63" s="51">
        <v>16326</v>
      </c>
      <c r="O63" s="54">
        <v>14.8</v>
      </c>
      <c r="P63" s="50">
        <v>110433</v>
      </c>
      <c r="Q63" s="51">
        <v>16970</v>
      </c>
      <c r="R63" s="52">
        <v>15.4</v>
      </c>
      <c r="S63" s="53">
        <v>110632</v>
      </c>
      <c r="T63" s="51">
        <v>17957</v>
      </c>
      <c r="U63" s="58">
        <v>16.2</v>
      </c>
      <c r="V63" s="50">
        <v>110787</v>
      </c>
      <c r="W63" s="51">
        <v>18811</v>
      </c>
      <c r="X63" s="55">
        <v>17</v>
      </c>
      <c r="Y63" s="53">
        <v>110613</v>
      </c>
      <c r="Z63" s="51">
        <v>19604</v>
      </c>
      <c r="AA63" s="58">
        <v>17.7</v>
      </c>
      <c r="AB63" s="50">
        <v>110715</v>
      </c>
      <c r="AC63" s="51">
        <v>20461</v>
      </c>
      <c r="AD63" s="55">
        <v>18.5</v>
      </c>
      <c r="AE63" s="53">
        <v>110248</v>
      </c>
      <c r="AF63" s="51">
        <v>21155</v>
      </c>
      <c r="AG63" s="58">
        <v>19.2</v>
      </c>
      <c r="AH63" s="50">
        <v>109550</v>
      </c>
      <c r="AI63" s="51">
        <v>21839</v>
      </c>
      <c r="AJ63" s="55">
        <v>19.899999999999999</v>
      </c>
      <c r="AK63" s="53">
        <v>128499</v>
      </c>
      <c r="AL63" s="51">
        <v>28069</v>
      </c>
      <c r="AM63" s="58">
        <v>21.8</v>
      </c>
      <c r="AN63" s="50">
        <v>127599</v>
      </c>
      <c r="AO63" s="51">
        <v>29103</v>
      </c>
      <c r="AP63" s="55">
        <v>22.8</v>
      </c>
      <c r="AQ63" s="53">
        <v>126508</v>
      </c>
      <c r="AR63" s="51">
        <v>29877</v>
      </c>
      <c r="AS63" s="58">
        <v>23.6</v>
      </c>
      <c r="AT63" s="50">
        <v>125977</v>
      </c>
      <c r="AU63" s="51">
        <v>30656</v>
      </c>
      <c r="AV63" s="55">
        <v>24.3</v>
      </c>
      <c r="AW63" s="53">
        <v>125545</v>
      </c>
      <c r="AX63" s="51">
        <v>31353</v>
      </c>
      <c r="AY63" s="54">
        <v>25</v>
      </c>
      <c r="AZ63" s="50">
        <v>124856</v>
      </c>
      <c r="BA63" s="51">
        <v>31766</v>
      </c>
      <c r="BB63" s="55">
        <v>25.4</v>
      </c>
      <c r="BC63" s="53">
        <v>124291</v>
      </c>
      <c r="BD63" s="51">
        <v>32687</v>
      </c>
      <c r="BE63" s="54">
        <v>26.3</v>
      </c>
      <c r="BF63" s="50">
        <v>123227</v>
      </c>
      <c r="BG63" s="51">
        <v>123525</v>
      </c>
      <c r="BH63" s="51">
        <v>33581</v>
      </c>
      <c r="BI63" s="51">
        <v>33601</v>
      </c>
      <c r="BJ63" s="56">
        <v>27.3</v>
      </c>
      <c r="BK63" s="52">
        <v>27.2</v>
      </c>
      <c r="BL63" s="53">
        <v>123074</v>
      </c>
      <c r="BM63" s="51">
        <v>123401</v>
      </c>
      <c r="BN63" s="51">
        <v>34233</v>
      </c>
      <c r="BO63" s="51">
        <v>34252</v>
      </c>
      <c r="BP63" s="57">
        <v>27.8</v>
      </c>
      <c r="BQ63" s="58">
        <v>27.8</v>
      </c>
      <c r="BR63" s="50">
        <v>121866</v>
      </c>
      <c r="BS63" s="51">
        <v>122198</v>
      </c>
      <c r="BT63" s="51">
        <v>35301</v>
      </c>
      <c r="BU63" s="51">
        <v>35320</v>
      </c>
      <c r="BV63" s="57">
        <v>29</v>
      </c>
      <c r="BW63" s="52">
        <v>28.9</v>
      </c>
      <c r="BX63" s="53">
        <v>120727</v>
      </c>
      <c r="BY63" s="51">
        <v>121048</v>
      </c>
      <c r="BZ63" s="51">
        <v>36280</v>
      </c>
      <c r="CA63" s="51">
        <v>36299</v>
      </c>
      <c r="CB63" s="57">
        <v>30.1</v>
      </c>
      <c r="CC63" s="54">
        <v>30</v>
      </c>
      <c r="CD63" s="50">
        <v>119617</v>
      </c>
      <c r="CE63" s="51">
        <v>119978</v>
      </c>
      <c r="CF63" s="51">
        <v>37029</v>
      </c>
      <c r="CG63" s="51">
        <v>37048</v>
      </c>
      <c r="CH63" s="57">
        <v>31</v>
      </c>
      <c r="CI63" s="52">
        <v>30.9</v>
      </c>
      <c r="CJ63" s="53">
        <v>118401</v>
      </c>
      <c r="CK63" s="51">
        <v>118787</v>
      </c>
      <c r="CL63" s="51">
        <v>37640</v>
      </c>
      <c r="CM63" s="51">
        <v>37658</v>
      </c>
      <c r="CN63" s="57">
        <v>31.8</v>
      </c>
      <c r="CO63" s="54">
        <v>31.7</v>
      </c>
      <c r="CP63" s="50">
        <v>117352</v>
      </c>
      <c r="CQ63" s="51">
        <v>117806</v>
      </c>
      <c r="CR63" s="51">
        <v>38301</v>
      </c>
      <c r="CS63" s="51">
        <v>38326</v>
      </c>
      <c r="CT63" s="57">
        <v>32.6</v>
      </c>
      <c r="CU63" s="61">
        <v>32.5</v>
      </c>
      <c r="CV63" s="50">
        <v>116168</v>
      </c>
      <c r="CW63" s="51">
        <v>116630</v>
      </c>
      <c r="CX63" s="51">
        <v>38575</v>
      </c>
      <c r="CY63" s="51">
        <v>38603</v>
      </c>
      <c r="CZ63" s="21">
        <f t="shared" si="0"/>
        <v>33.200000000000003</v>
      </c>
      <c r="DA63" s="23">
        <f t="shared" si="1"/>
        <v>33.1</v>
      </c>
      <c r="DB63" s="50">
        <v>114960</v>
      </c>
      <c r="DC63" s="51">
        <v>115435</v>
      </c>
      <c r="DD63" s="51">
        <v>38784</v>
      </c>
      <c r="DE63" s="51">
        <v>38808</v>
      </c>
      <c r="DF63" s="21">
        <v>33.700000000000003</v>
      </c>
      <c r="DG63" s="23">
        <v>33.6</v>
      </c>
      <c r="DH63" s="50">
        <v>113873</v>
      </c>
      <c r="DI63" s="51">
        <v>114326</v>
      </c>
      <c r="DJ63" s="51">
        <v>38909</v>
      </c>
      <c r="DK63" s="51">
        <v>38934</v>
      </c>
      <c r="DL63" s="21">
        <f t="shared" si="2"/>
        <v>34.168766959683154</v>
      </c>
      <c r="DM63" s="61">
        <f t="shared" si="3"/>
        <v>34.055245525952103</v>
      </c>
      <c r="DN63" s="50">
        <v>112475</v>
      </c>
      <c r="DO63" s="51">
        <v>113036</v>
      </c>
      <c r="DP63" s="51">
        <v>38727</v>
      </c>
      <c r="DQ63" s="51">
        <v>38754</v>
      </c>
      <c r="DR63" s="21">
        <f t="shared" si="4"/>
        <v>34.431651478106247</v>
      </c>
      <c r="DS63" s="61">
        <f t="shared" si="5"/>
        <v>34.284652677023246</v>
      </c>
    </row>
    <row r="64" spans="1:123" x14ac:dyDescent="0.2">
      <c r="A64" s="175"/>
      <c r="B64" s="176"/>
      <c r="C64" s="123" t="s">
        <v>62</v>
      </c>
      <c r="D64" s="27">
        <v>52482</v>
      </c>
      <c r="E64" s="25">
        <v>6030</v>
      </c>
      <c r="F64" s="26">
        <v>11.5</v>
      </c>
      <c r="G64" s="27">
        <v>52901</v>
      </c>
      <c r="H64" s="25">
        <v>6383</v>
      </c>
      <c r="I64" s="28">
        <v>12.1</v>
      </c>
      <c r="J64" s="24">
        <v>53277</v>
      </c>
      <c r="K64" s="25">
        <v>6712</v>
      </c>
      <c r="L64" s="26">
        <v>12.6</v>
      </c>
      <c r="M64" s="27">
        <v>53516</v>
      </c>
      <c r="N64" s="25">
        <v>6989</v>
      </c>
      <c r="O64" s="28">
        <v>13.1</v>
      </c>
      <c r="P64" s="24">
        <v>53552</v>
      </c>
      <c r="Q64" s="25">
        <v>7306</v>
      </c>
      <c r="R64" s="26">
        <v>13.6</v>
      </c>
      <c r="S64" s="27">
        <v>53618</v>
      </c>
      <c r="T64" s="25">
        <v>7786</v>
      </c>
      <c r="U64" s="62">
        <v>14.5</v>
      </c>
      <c r="V64" s="24">
        <v>53619</v>
      </c>
      <c r="W64" s="25">
        <v>8204</v>
      </c>
      <c r="X64" s="63">
        <v>15.3</v>
      </c>
      <c r="Y64" s="27">
        <v>53489</v>
      </c>
      <c r="Z64" s="25">
        <v>8522</v>
      </c>
      <c r="AA64" s="62">
        <v>15.9</v>
      </c>
      <c r="AB64" s="24">
        <v>53503</v>
      </c>
      <c r="AC64" s="25">
        <v>8901</v>
      </c>
      <c r="AD64" s="63">
        <v>16.600000000000001</v>
      </c>
      <c r="AE64" s="27">
        <v>53268</v>
      </c>
      <c r="AF64" s="25">
        <v>9169</v>
      </c>
      <c r="AG64" s="62">
        <v>17.2</v>
      </c>
      <c r="AH64" s="24">
        <v>52729</v>
      </c>
      <c r="AI64" s="25">
        <v>9418</v>
      </c>
      <c r="AJ64" s="63">
        <v>17.899999999999999</v>
      </c>
      <c r="AK64" s="27">
        <v>61596</v>
      </c>
      <c r="AL64" s="25">
        <v>12015</v>
      </c>
      <c r="AM64" s="62">
        <v>19.5</v>
      </c>
      <c r="AN64" s="24">
        <v>60992</v>
      </c>
      <c r="AO64" s="25">
        <v>12425</v>
      </c>
      <c r="AP64" s="63">
        <v>20.399999999999999</v>
      </c>
      <c r="AQ64" s="27">
        <v>60491</v>
      </c>
      <c r="AR64" s="25">
        <v>12735</v>
      </c>
      <c r="AS64" s="62">
        <v>21.1</v>
      </c>
      <c r="AT64" s="24">
        <v>60136</v>
      </c>
      <c r="AU64" s="25">
        <v>12988</v>
      </c>
      <c r="AV64" s="63">
        <v>21.6</v>
      </c>
      <c r="AW64" s="27">
        <v>59851</v>
      </c>
      <c r="AX64" s="25">
        <v>13245</v>
      </c>
      <c r="AY64" s="28">
        <v>22.1</v>
      </c>
      <c r="AZ64" s="24">
        <v>59497</v>
      </c>
      <c r="BA64" s="25">
        <v>13384</v>
      </c>
      <c r="BB64" s="63">
        <v>22.5</v>
      </c>
      <c r="BC64" s="27">
        <v>59184</v>
      </c>
      <c r="BD64" s="25">
        <v>13724</v>
      </c>
      <c r="BE64" s="28">
        <v>23.2</v>
      </c>
      <c r="BF64" s="24">
        <v>58615</v>
      </c>
      <c r="BG64" s="25">
        <v>58759</v>
      </c>
      <c r="BH64" s="25">
        <v>14088</v>
      </c>
      <c r="BI64" s="25">
        <v>14096</v>
      </c>
      <c r="BJ64" s="64">
        <v>24</v>
      </c>
      <c r="BK64" s="26">
        <v>24</v>
      </c>
      <c r="BL64" s="27">
        <v>58565</v>
      </c>
      <c r="BM64" s="25">
        <v>58722</v>
      </c>
      <c r="BN64" s="25">
        <v>14352</v>
      </c>
      <c r="BO64" s="25">
        <v>14360</v>
      </c>
      <c r="BP64" s="34">
        <v>24.5</v>
      </c>
      <c r="BQ64" s="62">
        <v>24.5</v>
      </c>
      <c r="BR64" s="24">
        <v>57917</v>
      </c>
      <c r="BS64" s="25">
        <v>58093</v>
      </c>
      <c r="BT64" s="25">
        <v>14718</v>
      </c>
      <c r="BU64" s="25">
        <v>14726</v>
      </c>
      <c r="BV64" s="34">
        <v>25.4</v>
      </c>
      <c r="BW64" s="26">
        <v>25.3</v>
      </c>
      <c r="BX64" s="27">
        <v>57348</v>
      </c>
      <c r="BY64" s="25">
        <v>57506</v>
      </c>
      <c r="BZ64" s="25">
        <v>15160</v>
      </c>
      <c r="CA64" s="25">
        <v>15168</v>
      </c>
      <c r="CB64" s="34">
        <v>26.4</v>
      </c>
      <c r="CC64" s="28">
        <v>26.4</v>
      </c>
      <c r="CD64" s="24">
        <v>56866</v>
      </c>
      <c r="CE64" s="25">
        <v>57040</v>
      </c>
      <c r="CF64" s="25">
        <v>15502</v>
      </c>
      <c r="CG64" s="25">
        <v>15510</v>
      </c>
      <c r="CH64" s="34">
        <v>27.3</v>
      </c>
      <c r="CI64" s="26">
        <v>27.2</v>
      </c>
      <c r="CJ64" s="27">
        <v>56288</v>
      </c>
      <c r="CK64" s="25">
        <v>56470</v>
      </c>
      <c r="CL64" s="25">
        <v>15738</v>
      </c>
      <c r="CM64" s="25">
        <v>15746</v>
      </c>
      <c r="CN64" s="34">
        <v>28</v>
      </c>
      <c r="CO64" s="28">
        <v>27.9</v>
      </c>
      <c r="CP64" s="24">
        <v>55739</v>
      </c>
      <c r="CQ64" s="25">
        <v>55969</v>
      </c>
      <c r="CR64" s="25">
        <v>16015</v>
      </c>
      <c r="CS64" s="25">
        <v>16027</v>
      </c>
      <c r="CT64" s="34">
        <v>28.7</v>
      </c>
      <c r="CU64" s="36">
        <v>28.6</v>
      </c>
      <c r="CV64" s="24">
        <v>55166</v>
      </c>
      <c r="CW64" s="25">
        <v>55408</v>
      </c>
      <c r="CX64" s="25">
        <v>16177</v>
      </c>
      <c r="CY64" s="25">
        <v>16189</v>
      </c>
      <c r="CZ64" s="34">
        <f t="shared" si="0"/>
        <v>29.3</v>
      </c>
      <c r="DA64" s="36">
        <f t="shared" si="1"/>
        <v>29.2</v>
      </c>
      <c r="DB64" s="24">
        <v>54655</v>
      </c>
      <c r="DC64" s="25">
        <v>54902</v>
      </c>
      <c r="DD64" s="25">
        <v>16255</v>
      </c>
      <c r="DE64" s="25">
        <v>16265</v>
      </c>
      <c r="DF64" s="34">
        <v>29.7</v>
      </c>
      <c r="DG64" s="36">
        <v>29.6</v>
      </c>
      <c r="DH64" s="24">
        <v>54187</v>
      </c>
      <c r="DI64" s="25">
        <v>54427</v>
      </c>
      <c r="DJ64" s="25">
        <v>16321</v>
      </c>
      <c r="DK64" s="25">
        <v>16333</v>
      </c>
      <c r="DL64" s="34">
        <f t="shared" si="2"/>
        <v>30.119770424640596</v>
      </c>
      <c r="DM64" s="36">
        <f t="shared" si="3"/>
        <v>30.00900288459772</v>
      </c>
      <c r="DN64" s="24">
        <v>53538</v>
      </c>
      <c r="DO64" s="25">
        <v>53819</v>
      </c>
      <c r="DP64" s="25">
        <v>16205</v>
      </c>
      <c r="DQ64" s="25">
        <v>16216</v>
      </c>
      <c r="DR64" s="34">
        <f t="shared" si="4"/>
        <v>30.268220703052041</v>
      </c>
      <c r="DS64" s="36">
        <f t="shared" si="5"/>
        <v>30.13062301417715</v>
      </c>
    </row>
    <row r="65" spans="1:123" x14ac:dyDescent="0.2">
      <c r="A65" s="175"/>
      <c r="B65" s="176"/>
      <c r="C65" s="122" t="s">
        <v>63</v>
      </c>
      <c r="D65" s="40">
        <v>55820</v>
      </c>
      <c r="E65" s="38">
        <v>8128</v>
      </c>
      <c r="F65" s="39">
        <v>14.6</v>
      </c>
      <c r="G65" s="40">
        <v>56146</v>
      </c>
      <c r="H65" s="38">
        <v>8517</v>
      </c>
      <c r="I65" s="41">
        <v>15.2</v>
      </c>
      <c r="J65" s="37">
        <v>56369</v>
      </c>
      <c r="K65" s="38">
        <v>8902</v>
      </c>
      <c r="L65" s="39">
        <v>15.8</v>
      </c>
      <c r="M65" s="40">
        <v>56733</v>
      </c>
      <c r="N65" s="38">
        <v>9337</v>
      </c>
      <c r="O65" s="41">
        <v>16.5</v>
      </c>
      <c r="P65" s="37">
        <v>56881</v>
      </c>
      <c r="Q65" s="38">
        <v>9664</v>
      </c>
      <c r="R65" s="39">
        <v>17</v>
      </c>
      <c r="S65" s="40">
        <v>57014</v>
      </c>
      <c r="T65" s="38">
        <v>10171</v>
      </c>
      <c r="U65" s="67">
        <v>17.8</v>
      </c>
      <c r="V65" s="37">
        <v>57168</v>
      </c>
      <c r="W65" s="38">
        <v>10607</v>
      </c>
      <c r="X65" s="68">
        <v>18.600000000000001</v>
      </c>
      <c r="Y65" s="40">
        <v>57124</v>
      </c>
      <c r="Z65" s="38">
        <v>11082</v>
      </c>
      <c r="AA65" s="67">
        <v>19.399999999999999</v>
      </c>
      <c r="AB65" s="37">
        <v>57212</v>
      </c>
      <c r="AC65" s="38">
        <v>11560</v>
      </c>
      <c r="AD65" s="68">
        <v>20.2</v>
      </c>
      <c r="AE65" s="40">
        <v>56980</v>
      </c>
      <c r="AF65" s="38">
        <v>11986</v>
      </c>
      <c r="AG65" s="67">
        <v>21</v>
      </c>
      <c r="AH65" s="37">
        <v>56821</v>
      </c>
      <c r="AI65" s="38">
        <v>12421</v>
      </c>
      <c r="AJ65" s="68">
        <v>21.9</v>
      </c>
      <c r="AK65" s="40">
        <v>66903</v>
      </c>
      <c r="AL65" s="38">
        <v>16054</v>
      </c>
      <c r="AM65" s="67">
        <v>24</v>
      </c>
      <c r="AN65" s="37">
        <v>66607</v>
      </c>
      <c r="AO65" s="38">
        <v>16678</v>
      </c>
      <c r="AP65" s="68">
        <v>25</v>
      </c>
      <c r="AQ65" s="40">
        <v>66017</v>
      </c>
      <c r="AR65" s="38">
        <v>17142</v>
      </c>
      <c r="AS65" s="67">
        <v>26</v>
      </c>
      <c r="AT65" s="37">
        <v>65841</v>
      </c>
      <c r="AU65" s="38">
        <v>17668</v>
      </c>
      <c r="AV65" s="68">
        <v>26.8</v>
      </c>
      <c r="AW65" s="40">
        <v>65694</v>
      </c>
      <c r="AX65" s="38">
        <v>18108</v>
      </c>
      <c r="AY65" s="41">
        <v>27.6</v>
      </c>
      <c r="AZ65" s="37">
        <v>65359</v>
      </c>
      <c r="BA65" s="38">
        <v>18382</v>
      </c>
      <c r="BB65" s="68">
        <v>28.1</v>
      </c>
      <c r="BC65" s="40">
        <v>65107</v>
      </c>
      <c r="BD65" s="38">
        <v>18963</v>
      </c>
      <c r="BE65" s="41">
        <v>29.1</v>
      </c>
      <c r="BF65" s="37">
        <v>64612</v>
      </c>
      <c r="BG65" s="38">
        <v>64766</v>
      </c>
      <c r="BH65" s="38">
        <v>19493</v>
      </c>
      <c r="BI65" s="38">
        <v>19505</v>
      </c>
      <c r="BJ65" s="69">
        <v>30.2</v>
      </c>
      <c r="BK65" s="39">
        <v>30.1</v>
      </c>
      <c r="BL65" s="40">
        <v>64509</v>
      </c>
      <c r="BM65" s="38">
        <v>64679</v>
      </c>
      <c r="BN65" s="38">
        <v>19881</v>
      </c>
      <c r="BO65" s="38">
        <v>19892</v>
      </c>
      <c r="BP65" s="47">
        <v>30.8</v>
      </c>
      <c r="BQ65" s="67">
        <v>30.8</v>
      </c>
      <c r="BR65" s="37">
        <v>63949</v>
      </c>
      <c r="BS65" s="38">
        <v>64105</v>
      </c>
      <c r="BT65" s="38">
        <v>20583</v>
      </c>
      <c r="BU65" s="38">
        <v>20594</v>
      </c>
      <c r="BV65" s="47">
        <v>32.200000000000003</v>
      </c>
      <c r="BW65" s="39">
        <v>32.1</v>
      </c>
      <c r="BX65" s="40">
        <v>63379</v>
      </c>
      <c r="BY65" s="38">
        <v>63542</v>
      </c>
      <c r="BZ65" s="38">
        <v>21120</v>
      </c>
      <c r="CA65" s="38">
        <v>21131</v>
      </c>
      <c r="CB65" s="47">
        <v>33.299999999999997</v>
      </c>
      <c r="CC65" s="41">
        <v>33.299999999999997</v>
      </c>
      <c r="CD65" s="37">
        <v>62751</v>
      </c>
      <c r="CE65" s="38">
        <v>62938</v>
      </c>
      <c r="CF65" s="38">
        <v>21527</v>
      </c>
      <c r="CG65" s="38">
        <v>21538</v>
      </c>
      <c r="CH65" s="47">
        <v>34.299999999999997</v>
      </c>
      <c r="CI65" s="39">
        <v>34.200000000000003</v>
      </c>
      <c r="CJ65" s="40">
        <v>62113</v>
      </c>
      <c r="CK65" s="38">
        <v>62317</v>
      </c>
      <c r="CL65" s="38">
        <v>21902</v>
      </c>
      <c r="CM65" s="38">
        <v>21912</v>
      </c>
      <c r="CN65" s="47">
        <v>35.299999999999997</v>
      </c>
      <c r="CO65" s="41">
        <v>35.200000000000003</v>
      </c>
      <c r="CP65" s="37">
        <v>61613</v>
      </c>
      <c r="CQ65" s="38">
        <v>61837</v>
      </c>
      <c r="CR65" s="38">
        <v>22286</v>
      </c>
      <c r="CS65" s="38">
        <v>22299</v>
      </c>
      <c r="CT65" s="47">
        <v>36.200000000000003</v>
      </c>
      <c r="CU65" s="49">
        <v>36.1</v>
      </c>
      <c r="CV65" s="37">
        <v>61002</v>
      </c>
      <c r="CW65" s="38">
        <v>61222</v>
      </c>
      <c r="CX65" s="38">
        <v>22398</v>
      </c>
      <c r="CY65" s="38">
        <v>22414</v>
      </c>
      <c r="CZ65" s="47">
        <f t="shared" si="0"/>
        <v>36.700000000000003</v>
      </c>
      <c r="DA65" s="49">
        <f t="shared" si="1"/>
        <v>36.6</v>
      </c>
      <c r="DB65" s="37">
        <v>60305</v>
      </c>
      <c r="DC65" s="38">
        <v>60533</v>
      </c>
      <c r="DD65" s="38">
        <v>22529</v>
      </c>
      <c r="DE65" s="38">
        <v>22543</v>
      </c>
      <c r="DF65" s="47">
        <v>37.4</v>
      </c>
      <c r="DG65" s="49">
        <v>37.200000000000003</v>
      </c>
      <c r="DH65" s="37">
        <v>59686</v>
      </c>
      <c r="DI65" s="38">
        <v>59899</v>
      </c>
      <c r="DJ65" s="38">
        <v>22588</v>
      </c>
      <c r="DK65" s="38">
        <v>22601</v>
      </c>
      <c r="DL65" s="47">
        <f t="shared" si="2"/>
        <v>37.844720705022958</v>
      </c>
      <c r="DM65" s="49">
        <f t="shared" si="3"/>
        <v>37.731848611829918</v>
      </c>
      <c r="DN65" s="37">
        <v>58937</v>
      </c>
      <c r="DO65" s="38">
        <v>59217</v>
      </c>
      <c r="DP65" s="38">
        <v>22522</v>
      </c>
      <c r="DQ65" s="38">
        <v>22538</v>
      </c>
      <c r="DR65" s="47">
        <f t="shared" si="4"/>
        <v>38.213685800091625</v>
      </c>
      <c r="DS65" s="49">
        <f t="shared" si="5"/>
        <v>38.060016549301722</v>
      </c>
    </row>
    <row r="66" spans="1:123" x14ac:dyDescent="0.2">
      <c r="A66" s="175" t="s">
        <v>32</v>
      </c>
      <c r="B66" s="176"/>
      <c r="C66" s="121" t="s">
        <v>61</v>
      </c>
      <c r="D66" s="53">
        <v>18123</v>
      </c>
      <c r="E66" s="51">
        <v>4599</v>
      </c>
      <c r="F66" s="52">
        <v>25.4</v>
      </c>
      <c r="G66" s="53">
        <v>17538</v>
      </c>
      <c r="H66" s="51">
        <v>4735</v>
      </c>
      <c r="I66" s="54">
        <v>27</v>
      </c>
      <c r="J66" s="50">
        <v>16957</v>
      </c>
      <c r="K66" s="51">
        <v>4813</v>
      </c>
      <c r="L66" s="52">
        <v>28.4</v>
      </c>
      <c r="M66" s="53">
        <v>16392</v>
      </c>
      <c r="N66" s="51">
        <v>4899</v>
      </c>
      <c r="O66" s="54">
        <v>29.9</v>
      </c>
      <c r="P66" s="50">
        <v>15948</v>
      </c>
      <c r="Q66" s="51">
        <v>4961</v>
      </c>
      <c r="R66" s="52">
        <v>31.1</v>
      </c>
      <c r="S66" s="53">
        <v>15538</v>
      </c>
      <c r="T66" s="51">
        <v>5062</v>
      </c>
      <c r="U66" s="58">
        <v>32.6</v>
      </c>
      <c r="V66" s="50">
        <v>15173</v>
      </c>
      <c r="W66" s="51">
        <v>5236</v>
      </c>
      <c r="X66" s="55">
        <v>34.5</v>
      </c>
      <c r="Y66" s="53">
        <v>14880</v>
      </c>
      <c r="Z66" s="51">
        <v>5344</v>
      </c>
      <c r="AA66" s="58">
        <v>35.9</v>
      </c>
      <c r="AB66" s="50">
        <v>14438</v>
      </c>
      <c r="AC66" s="51">
        <v>5405</v>
      </c>
      <c r="AD66" s="55">
        <v>37.4</v>
      </c>
      <c r="AE66" s="53">
        <v>13953</v>
      </c>
      <c r="AF66" s="51">
        <v>5396</v>
      </c>
      <c r="AG66" s="58">
        <v>38.700000000000003</v>
      </c>
      <c r="AH66" s="50">
        <v>13615</v>
      </c>
      <c r="AI66" s="51">
        <v>5366</v>
      </c>
      <c r="AJ66" s="55">
        <v>39.4</v>
      </c>
      <c r="AK66" s="53">
        <v>13268</v>
      </c>
      <c r="AL66" s="51">
        <v>5330</v>
      </c>
      <c r="AM66" s="58">
        <v>40.200000000000003</v>
      </c>
      <c r="AN66" s="50">
        <v>12631</v>
      </c>
      <c r="AO66" s="51">
        <v>5267</v>
      </c>
      <c r="AP66" s="55">
        <v>41.7</v>
      </c>
      <c r="AQ66" s="53">
        <v>12068</v>
      </c>
      <c r="AR66" s="51">
        <v>5157</v>
      </c>
      <c r="AS66" s="58">
        <v>42.7</v>
      </c>
      <c r="AT66" s="50">
        <v>11633</v>
      </c>
      <c r="AU66" s="51">
        <v>5084</v>
      </c>
      <c r="AV66" s="55">
        <v>43.7</v>
      </c>
      <c r="AW66" s="53">
        <v>11213</v>
      </c>
      <c r="AX66" s="51">
        <v>4966</v>
      </c>
      <c r="AY66" s="54">
        <v>44.3</v>
      </c>
      <c r="AZ66" s="50">
        <v>10839</v>
      </c>
      <c r="BA66" s="51">
        <v>4813</v>
      </c>
      <c r="BB66" s="55">
        <v>44.4</v>
      </c>
      <c r="BC66" s="53">
        <v>10471</v>
      </c>
      <c r="BD66" s="51">
        <v>4695</v>
      </c>
      <c r="BE66" s="54">
        <v>44.8</v>
      </c>
      <c r="BF66" s="50">
        <v>10042</v>
      </c>
      <c r="BG66" s="51">
        <v>10130</v>
      </c>
      <c r="BH66" s="51">
        <v>4621</v>
      </c>
      <c r="BI66" s="51">
        <v>4621</v>
      </c>
      <c r="BJ66" s="56">
        <v>46</v>
      </c>
      <c r="BK66" s="52">
        <v>45.6</v>
      </c>
      <c r="BL66" s="53">
        <v>9774</v>
      </c>
      <c r="BM66" s="51">
        <v>9801</v>
      </c>
      <c r="BN66" s="51">
        <v>4540</v>
      </c>
      <c r="BO66" s="51">
        <v>4540</v>
      </c>
      <c r="BP66" s="57">
        <v>46.4</v>
      </c>
      <c r="BQ66" s="58">
        <v>46.3</v>
      </c>
      <c r="BR66" s="50">
        <v>9409</v>
      </c>
      <c r="BS66" s="51">
        <v>9440</v>
      </c>
      <c r="BT66" s="51">
        <v>4490</v>
      </c>
      <c r="BU66" s="51">
        <v>4490</v>
      </c>
      <c r="BV66" s="57">
        <v>47.7</v>
      </c>
      <c r="BW66" s="52">
        <v>47.6</v>
      </c>
      <c r="BX66" s="59">
        <v>9024</v>
      </c>
      <c r="BY66" s="51">
        <v>9056</v>
      </c>
      <c r="BZ66" s="72">
        <v>4409</v>
      </c>
      <c r="CA66" s="51">
        <v>4409</v>
      </c>
      <c r="CB66" s="57">
        <v>48.9</v>
      </c>
      <c r="CC66" s="54">
        <v>48.7</v>
      </c>
      <c r="CD66" s="50">
        <v>8659</v>
      </c>
      <c r="CE66" s="51">
        <v>8685</v>
      </c>
      <c r="CF66" s="51">
        <v>4323</v>
      </c>
      <c r="CG66" s="51">
        <v>4323</v>
      </c>
      <c r="CH66" s="57">
        <v>49.9</v>
      </c>
      <c r="CI66" s="52">
        <v>49.8</v>
      </c>
      <c r="CJ66" s="53">
        <v>8316</v>
      </c>
      <c r="CK66" s="51">
        <v>8362</v>
      </c>
      <c r="CL66" s="51">
        <v>4227</v>
      </c>
      <c r="CM66" s="51">
        <v>4227</v>
      </c>
      <c r="CN66" s="57">
        <v>50.8</v>
      </c>
      <c r="CO66" s="54">
        <v>50.6</v>
      </c>
      <c r="CP66" s="50">
        <v>8033</v>
      </c>
      <c r="CQ66" s="51">
        <v>8087</v>
      </c>
      <c r="CR66" s="51">
        <v>4130</v>
      </c>
      <c r="CS66" s="51">
        <v>4130</v>
      </c>
      <c r="CT66" s="57">
        <v>51.4</v>
      </c>
      <c r="CU66" s="61">
        <v>51.1</v>
      </c>
      <c r="CV66" s="50">
        <v>7716</v>
      </c>
      <c r="CW66" s="51">
        <v>7769</v>
      </c>
      <c r="CX66" s="51">
        <v>3996</v>
      </c>
      <c r="CY66" s="51">
        <v>3996</v>
      </c>
      <c r="CZ66" s="21">
        <f t="shared" si="0"/>
        <v>51.8</v>
      </c>
      <c r="DA66" s="23">
        <f t="shared" si="1"/>
        <v>51.4</v>
      </c>
      <c r="DB66" s="50">
        <v>7381</v>
      </c>
      <c r="DC66" s="51">
        <v>7430</v>
      </c>
      <c r="DD66" s="51">
        <v>3896</v>
      </c>
      <c r="DE66" s="51">
        <v>3896</v>
      </c>
      <c r="DF66" s="21">
        <v>52.8</v>
      </c>
      <c r="DG66" s="23">
        <v>52.4</v>
      </c>
      <c r="DH66" s="50">
        <v>7032</v>
      </c>
      <c r="DI66" s="51">
        <v>7055</v>
      </c>
      <c r="DJ66" s="51">
        <v>3762</v>
      </c>
      <c r="DK66" s="51">
        <v>3762</v>
      </c>
      <c r="DL66" s="21">
        <f t="shared" si="2"/>
        <v>53.498293515358363</v>
      </c>
      <c r="DM66" s="23">
        <f t="shared" si="3"/>
        <v>53.323883770375623</v>
      </c>
      <c r="DN66" s="50">
        <v>6714</v>
      </c>
      <c r="DO66" s="51">
        <v>6729</v>
      </c>
      <c r="DP66" s="51">
        <v>3629</v>
      </c>
      <c r="DQ66" s="51">
        <v>3629</v>
      </c>
      <c r="DR66" s="21">
        <f t="shared" si="4"/>
        <v>54.051236222817991</v>
      </c>
      <c r="DS66" s="23">
        <f t="shared" si="5"/>
        <v>53.93074751077426</v>
      </c>
    </row>
    <row r="67" spans="1:123" x14ac:dyDescent="0.2">
      <c r="A67" s="175"/>
      <c r="B67" s="176"/>
      <c r="C67" s="123" t="s">
        <v>62</v>
      </c>
      <c r="D67" s="27">
        <v>8676</v>
      </c>
      <c r="E67" s="25">
        <v>2004</v>
      </c>
      <c r="F67" s="26">
        <v>23.1</v>
      </c>
      <c r="G67" s="27">
        <v>8382</v>
      </c>
      <c r="H67" s="25">
        <v>2069</v>
      </c>
      <c r="I67" s="28">
        <v>24.7</v>
      </c>
      <c r="J67" s="24">
        <v>8107</v>
      </c>
      <c r="K67" s="25">
        <v>2112</v>
      </c>
      <c r="L67" s="26">
        <v>26.1</v>
      </c>
      <c r="M67" s="27">
        <v>7825</v>
      </c>
      <c r="N67" s="25">
        <v>2141</v>
      </c>
      <c r="O67" s="28">
        <v>27.4</v>
      </c>
      <c r="P67" s="24">
        <v>7596</v>
      </c>
      <c r="Q67" s="25">
        <v>2178</v>
      </c>
      <c r="R67" s="26">
        <v>28.7</v>
      </c>
      <c r="S67" s="27">
        <v>7401</v>
      </c>
      <c r="T67" s="25">
        <v>2223</v>
      </c>
      <c r="U67" s="62">
        <v>30</v>
      </c>
      <c r="V67" s="24">
        <v>7227</v>
      </c>
      <c r="W67" s="25">
        <v>2299</v>
      </c>
      <c r="X67" s="63">
        <v>31.8</v>
      </c>
      <c r="Y67" s="27">
        <v>7073</v>
      </c>
      <c r="Z67" s="25">
        <v>2343</v>
      </c>
      <c r="AA67" s="62">
        <v>33.1</v>
      </c>
      <c r="AB67" s="24">
        <v>6861</v>
      </c>
      <c r="AC67" s="25">
        <v>2361</v>
      </c>
      <c r="AD67" s="63">
        <v>34.4</v>
      </c>
      <c r="AE67" s="27">
        <v>6618</v>
      </c>
      <c r="AF67" s="25">
        <v>2340</v>
      </c>
      <c r="AG67" s="62">
        <v>35.4</v>
      </c>
      <c r="AH67" s="24">
        <v>6435</v>
      </c>
      <c r="AI67" s="25">
        <v>2311</v>
      </c>
      <c r="AJ67" s="63">
        <v>35.9</v>
      </c>
      <c r="AK67" s="27">
        <v>6257</v>
      </c>
      <c r="AL67" s="25">
        <v>2267</v>
      </c>
      <c r="AM67" s="62">
        <v>36.200000000000003</v>
      </c>
      <c r="AN67" s="24">
        <v>5949</v>
      </c>
      <c r="AO67" s="25">
        <v>2224</v>
      </c>
      <c r="AP67" s="63">
        <v>37.4</v>
      </c>
      <c r="AQ67" s="27">
        <v>5661</v>
      </c>
      <c r="AR67" s="25">
        <v>2144</v>
      </c>
      <c r="AS67" s="62">
        <v>37.9</v>
      </c>
      <c r="AT67" s="24">
        <v>5443</v>
      </c>
      <c r="AU67" s="25">
        <v>2089</v>
      </c>
      <c r="AV67" s="63">
        <v>38.4</v>
      </c>
      <c r="AW67" s="27">
        <v>5237</v>
      </c>
      <c r="AX67" s="25">
        <v>2019</v>
      </c>
      <c r="AY67" s="28">
        <v>38.6</v>
      </c>
      <c r="AZ67" s="24">
        <v>5070</v>
      </c>
      <c r="BA67" s="25">
        <v>1951</v>
      </c>
      <c r="BB67" s="63">
        <v>38.5</v>
      </c>
      <c r="BC67" s="27">
        <v>4915</v>
      </c>
      <c r="BD67" s="25">
        <v>1904</v>
      </c>
      <c r="BE67" s="28">
        <v>38.700000000000003</v>
      </c>
      <c r="BF67" s="24">
        <v>4708</v>
      </c>
      <c r="BG67" s="25">
        <v>4712</v>
      </c>
      <c r="BH67" s="25">
        <v>1882</v>
      </c>
      <c r="BI67" s="25">
        <v>1882</v>
      </c>
      <c r="BJ67" s="64">
        <v>40</v>
      </c>
      <c r="BK67" s="26">
        <v>39.9</v>
      </c>
      <c r="BL67" s="27">
        <v>4598</v>
      </c>
      <c r="BM67" s="25">
        <v>4602</v>
      </c>
      <c r="BN67" s="25">
        <v>1866</v>
      </c>
      <c r="BO67" s="25">
        <v>1866</v>
      </c>
      <c r="BP67" s="34">
        <v>40.6</v>
      </c>
      <c r="BQ67" s="62">
        <v>40.5</v>
      </c>
      <c r="BR67" s="24">
        <v>4418</v>
      </c>
      <c r="BS67" s="25">
        <v>4422</v>
      </c>
      <c r="BT67" s="25">
        <v>1841</v>
      </c>
      <c r="BU67" s="25">
        <v>1841</v>
      </c>
      <c r="BV67" s="34">
        <v>41.7</v>
      </c>
      <c r="BW67" s="26">
        <v>41.6</v>
      </c>
      <c r="BX67" s="65">
        <v>4230</v>
      </c>
      <c r="BY67" s="25">
        <v>4232</v>
      </c>
      <c r="BZ67" s="73">
        <v>1791</v>
      </c>
      <c r="CA67" s="25">
        <v>1791</v>
      </c>
      <c r="CB67" s="34">
        <v>42.3</v>
      </c>
      <c r="CC67" s="28">
        <v>42.3</v>
      </c>
      <c r="CD67" s="24">
        <v>4048</v>
      </c>
      <c r="CE67" s="25">
        <v>4052</v>
      </c>
      <c r="CF67" s="25">
        <v>1772</v>
      </c>
      <c r="CG67" s="25">
        <v>1772</v>
      </c>
      <c r="CH67" s="34">
        <v>43.8</v>
      </c>
      <c r="CI67" s="26">
        <v>43.7</v>
      </c>
      <c r="CJ67" s="27">
        <v>3881</v>
      </c>
      <c r="CK67" s="25">
        <v>3896</v>
      </c>
      <c r="CL67" s="25">
        <v>1737</v>
      </c>
      <c r="CM67" s="25">
        <v>1737</v>
      </c>
      <c r="CN67" s="34">
        <v>44.8</v>
      </c>
      <c r="CO67" s="28">
        <v>44.6</v>
      </c>
      <c r="CP67" s="24">
        <v>3748</v>
      </c>
      <c r="CQ67" s="25">
        <v>3766</v>
      </c>
      <c r="CR67" s="25">
        <v>1694</v>
      </c>
      <c r="CS67" s="25">
        <v>1694</v>
      </c>
      <c r="CT67" s="34">
        <v>45.2</v>
      </c>
      <c r="CU67" s="36">
        <v>45</v>
      </c>
      <c r="CV67" s="24">
        <v>3596</v>
      </c>
      <c r="CW67" s="25">
        <v>3612</v>
      </c>
      <c r="CX67" s="25">
        <v>1626</v>
      </c>
      <c r="CY67" s="25">
        <v>1626</v>
      </c>
      <c r="CZ67" s="34">
        <f t="shared" si="0"/>
        <v>45.2</v>
      </c>
      <c r="DA67" s="36">
        <f t="shared" si="1"/>
        <v>45</v>
      </c>
      <c r="DB67" s="24">
        <v>3438</v>
      </c>
      <c r="DC67" s="25">
        <v>3447</v>
      </c>
      <c r="DD67" s="25">
        <v>1593</v>
      </c>
      <c r="DE67" s="25">
        <v>1593</v>
      </c>
      <c r="DF67" s="34">
        <v>46.3</v>
      </c>
      <c r="DG67" s="36">
        <v>46.2</v>
      </c>
      <c r="DH67" s="24">
        <v>3282</v>
      </c>
      <c r="DI67" s="25">
        <v>3290</v>
      </c>
      <c r="DJ67" s="25">
        <v>1547</v>
      </c>
      <c r="DK67" s="25">
        <v>1547</v>
      </c>
      <c r="DL67" s="34">
        <f t="shared" si="2"/>
        <v>47.135892748324196</v>
      </c>
      <c r="DM67" s="36">
        <f t="shared" si="3"/>
        <v>47.021276595744681</v>
      </c>
      <c r="DN67" s="24">
        <v>3148</v>
      </c>
      <c r="DO67" s="25">
        <v>3154</v>
      </c>
      <c r="DP67" s="25">
        <v>1498</v>
      </c>
      <c r="DQ67" s="25">
        <v>1498</v>
      </c>
      <c r="DR67" s="34">
        <f t="shared" si="4"/>
        <v>47.585768742058448</v>
      </c>
      <c r="DS67" s="36">
        <f t="shared" si="5"/>
        <v>47.495244134432468</v>
      </c>
    </row>
    <row r="68" spans="1:123" x14ac:dyDescent="0.2">
      <c r="A68" s="175"/>
      <c r="B68" s="176"/>
      <c r="C68" s="122" t="s">
        <v>63</v>
      </c>
      <c r="D68" s="40">
        <v>9447</v>
      </c>
      <c r="E68" s="38">
        <v>2595</v>
      </c>
      <c r="F68" s="39">
        <v>27.5</v>
      </c>
      <c r="G68" s="40">
        <v>9156</v>
      </c>
      <c r="H68" s="38">
        <v>2666</v>
      </c>
      <c r="I68" s="41">
        <v>29.1</v>
      </c>
      <c r="J68" s="37">
        <v>8850</v>
      </c>
      <c r="K68" s="38">
        <v>2701</v>
      </c>
      <c r="L68" s="39">
        <v>30.5</v>
      </c>
      <c r="M68" s="40">
        <v>8567</v>
      </c>
      <c r="N68" s="38">
        <v>2758</v>
      </c>
      <c r="O68" s="41">
        <v>32.200000000000003</v>
      </c>
      <c r="P68" s="37">
        <v>8352</v>
      </c>
      <c r="Q68" s="38">
        <v>2783</v>
      </c>
      <c r="R68" s="39">
        <v>33.299999999999997</v>
      </c>
      <c r="S68" s="40">
        <v>8137</v>
      </c>
      <c r="T68" s="38">
        <v>2839</v>
      </c>
      <c r="U68" s="67">
        <v>34.9</v>
      </c>
      <c r="V68" s="37">
        <v>7946</v>
      </c>
      <c r="W68" s="38">
        <v>2937</v>
      </c>
      <c r="X68" s="68">
        <v>37</v>
      </c>
      <c r="Y68" s="40">
        <v>7807</v>
      </c>
      <c r="Z68" s="38">
        <v>3001</v>
      </c>
      <c r="AA68" s="67">
        <v>38.4</v>
      </c>
      <c r="AB68" s="37">
        <v>7577</v>
      </c>
      <c r="AC68" s="38">
        <v>3044</v>
      </c>
      <c r="AD68" s="68">
        <v>40.200000000000003</v>
      </c>
      <c r="AE68" s="40">
        <v>7335</v>
      </c>
      <c r="AF68" s="38">
        <v>3056</v>
      </c>
      <c r="AG68" s="67">
        <v>41.7</v>
      </c>
      <c r="AH68" s="37">
        <v>7180</v>
      </c>
      <c r="AI68" s="38">
        <v>3055</v>
      </c>
      <c r="AJ68" s="68">
        <v>42.5</v>
      </c>
      <c r="AK68" s="40">
        <v>7011</v>
      </c>
      <c r="AL68" s="38">
        <v>3063</v>
      </c>
      <c r="AM68" s="67">
        <v>43.7</v>
      </c>
      <c r="AN68" s="37">
        <v>6682</v>
      </c>
      <c r="AO68" s="38">
        <v>3043</v>
      </c>
      <c r="AP68" s="68">
        <v>45.5</v>
      </c>
      <c r="AQ68" s="40">
        <v>6407</v>
      </c>
      <c r="AR68" s="38">
        <v>3013</v>
      </c>
      <c r="AS68" s="67">
        <v>47</v>
      </c>
      <c r="AT68" s="37">
        <v>6190</v>
      </c>
      <c r="AU68" s="38">
        <v>2995</v>
      </c>
      <c r="AV68" s="68">
        <v>48.4</v>
      </c>
      <c r="AW68" s="40">
        <v>5976</v>
      </c>
      <c r="AX68" s="38">
        <v>2947</v>
      </c>
      <c r="AY68" s="41">
        <v>49.3</v>
      </c>
      <c r="AZ68" s="37">
        <v>5769</v>
      </c>
      <c r="BA68" s="38">
        <v>2862</v>
      </c>
      <c r="BB68" s="68">
        <v>49.6</v>
      </c>
      <c r="BC68" s="40">
        <v>5556</v>
      </c>
      <c r="BD68" s="38">
        <v>2791</v>
      </c>
      <c r="BE68" s="41">
        <v>50.2</v>
      </c>
      <c r="BF68" s="37">
        <v>5334</v>
      </c>
      <c r="BG68" s="38">
        <v>5418</v>
      </c>
      <c r="BH68" s="38">
        <v>2739</v>
      </c>
      <c r="BI68" s="38">
        <v>2739</v>
      </c>
      <c r="BJ68" s="69">
        <v>51.3</v>
      </c>
      <c r="BK68" s="39">
        <v>50.6</v>
      </c>
      <c r="BL68" s="40">
        <v>5176</v>
      </c>
      <c r="BM68" s="38">
        <v>5199</v>
      </c>
      <c r="BN68" s="38">
        <v>2674</v>
      </c>
      <c r="BO68" s="38">
        <v>2674</v>
      </c>
      <c r="BP68" s="47">
        <v>51.7</v>
      </c>
      <c r="BQ68" s="67">
        <v>51.4</v>
      </c>
      <c r="BR68" s="37">
        <v>4991</v>
      </c>
      <c r="BS68" s="38">
        <v>5018</v>
      </c>
      <c r="BT68" s="38">
        <v>2649</v>
      </c>
      <c r="BU68" s="38">
        <v>2649</v>
      </c>
      <c r="BV68" s="47">
        <v>53.1</v>
      </c>
      <c r="BW68" s="39">
        <v>52.8</v>
      </c>
      <c r="BX68" s="70">
        <v>4794</v>
      </c>
      <c r="BY68" s="38">
        <v>4824</v>
      </c>
      <c r="BZ68" s="74">
        <v>2618</v>
      </c>
      <c r="CA68" s="38">
        <v>2618</v>
      </c>
      <c r="CB68" s="47">
        <v>54.6</v>
      </c>
      <c r="CC68" s="41">
        <v>54.3</v>
      </c>
      <c r="CD68" s="37">
        <v>4611</v>
      </c>
      <c r="CE68" s="38">
        <v>4633</v>
      </c>
      <c r="CF68" s="38">
        <v>2551</v>
      </c>
      <c r="CG68" s="38">
        <v>2551</v>
      </c>
      <c r="CH68" s="47">
        <v>55.3</v>
      </c>
      <c r="CI68" s="39">
        <v>55.1</v>
      </c>
      <c r="CJ68" s="40">
        <v>4435</v>
      </c>
      <c r="CK68" s="38">
        <v>4466</v>
      </c>
      <c r="CL68" s="38">
        <v>2490</v>
      </c>
      <c r="CM68" s="38">
        <v>2490</v>
      </c>
      <c r="CN68" s="47">
        <v>56.1</v>
      </c>
      <c r="CO68" s="41">
        <v>55.8</v>
      </c>
      <c r="CP68" s="37">
        <v>4285</v>
      </c>
      <c r="CQ68" s="38">
        <v>4321</v>
      </c>
      <c r="CR68" s="38">
        <v>2436</v>
      </c>
      <c r="CS68" s="38">
        <v>2436</v>
      </c>
      <c r="CT68" s="47">
        <v>56.8</v>
      </c>
      <c r="CU68" s="49">
        <v>56.4</v>
      </c>
      <c r="CV68" s="37">
        <v>4120</v>
      </c>
      <c r="CW68" s="38">
        <v>4157</v>
      </c>
      <c r="CX68" s="38">
        <v>2370</v>
      </c>
      <c r="CY68" s="38">
        <v>2370</v>
      </c>
      <c r="CZ68" s="47">
        <f t="shared" si="0"/>
        <v>57.5</v>
      </c>
      <c r="DA68" s="49">
        <f t="shared" si="1"/>
        <v>57</v>
      </c>
      <c r="DB68" s="37">
        <v>3943</v>
      </c>
      <c r="DC68" s="38">
        <v>3983</v>
      </c>
      <c r="DD68" s="38">
        <v>2303</v>
      </c>
      <c r="DE68" s="38">
        <v>2303</v>
      </c>
      <c r="DF68" s="47">
        <v>58.4</v>
      </c>
      <c r="DG68" s="49">
        <v>57.8</v>
      </c>
      <c r="DH68" s="37">
        <v>3750</v>
      </c>
      <c r="DI68" s="38">
        <v>3765</v>
      </c>
      <c r="DJ68" s="38">
        <v>2215</v>
      </c>
      <c r="DK68" s="38">
        <v>2215</v>
      </c>
      <c r="DL68" s="47">
        <f t="shared" si="2"/>
        <v>59.06666666666667</v>
      </c>
      <c r="DM68" s="49">
        <f t="shared" si="3"/>
        <v>58.831341301460824</v>
      </c>
      <c r="DN68" s="37">
        <v>3566</v>
      </c>
      <c r="DO68" s="38">
        <v>3575</v>
      </c>
      <c r="DP68" s="38">
        <v>2131</v>
      </c>
      <c r="DQ68" s="38">
        <v>2131</v>
      </c>
      <c r="DR68" s="47">
        <f t="shared" si="4"/>
        <v>59.758833426808742</v>
      </c>
      <c r="DS68" s="49">
        <f t="shared" si="5"/>
        <v>59.608391608391607</v>
      </c>
    </row>
    <row r="69" spans="1:123" x14ac:dyDescent="0.2">
      <c r="A69" s="175" t="s">
        <v>33</v>
      </c>
      <c r="B69" s="176"/>
      <c r="C69" s="121" t="s">
        <v>61</v>
      </c>
      <c r="D69" s="53">
        <v>84178</v>
      </c>
      <c r="E69" s="51">
        <v>12909</v>
      </c>
      <c r="F69" s="52">
        <v>15.3</v>
      </c>
      <c r="G69" s="53">
        <v>84901</v>
      </c>
      <c r="H69" s="51">
        <v>13684</v>
      </c>
      <c r="I69" s="54">
        <v>16.100000000000001</v>
      </c>
      <c r="J69" s="50">
        <v>85168</v>
      </c>
      <c r="K69" s="51">
        <v>14275</v>
      </c>
      <c r="L69" s="52">
        <v>16.8</v>
      </c>
      <c r="M69" s="53">
        <v>84963</v>
      </c>
      <c r="N69" s="51">
        <v>14952</v>
      </c>
      <c r="O69" s="54">
        <v>17.600000000000001</v>
      </c>
      <c r="P69" s="50">
        <v>84839</v>
      </c>
      <c r="Q69" s="51">
        <v>15542</v>
      </c>
      <c r="R69" s="52">
        <v>18.3</v>
      </c>
      <c r="S69" s="53">
        <v>84582</v>
      </c>
      <c r="T69" s="51">
        <v>16175</v>
      </c>
      <c r="U69" s="58">
        <v>19.100000000000001</v>
      </c>
      <c r="V69" s="50">
        <v>84419</v>
      </c>
      <c r="W69" s="51">
        <v>16801</v>
      </c>
      <c r="X69" s="55">
        <v>19.899999999999999</v>
      </c>
      <c r="Y69" s="53">
        <v>84120</v>
      </c>
      <c r="Z69" s="51">
        <v>17376</v>
      </c>
      <c r="AA69" s="58">
        <v>20.7</v>
      </c>
      <c r="AB69" s="50">
        <v>83572</v>
      </c>
      <c r="AC69" s="51">
        <v>17835</v>
      </c>
      <c r="AD69" s="55">
        <v>21.3</v>
      </c>
      <c r="AE69" s="53">
        <v>83154</v>
      </c>
      <c r="AF69" s="51">
        <v>18345</v>
      </c>
      <c r="AG69" s="58">
        <v>22.1</v>
      </c>
      <c r="AH69" s="50">
        <v>82916</v>
      </c>
      <c r="AI69" s="51">
        <v>18710</v>
      </c>
      <c r="AJ69" s="55">
        <v>22.6</v>
      </c>
      <c r="AK69" s="53">
        <v>93570</v>
      </c>
      <c r="AL69" s="51">
        <v>22729</v>
      </c>
      <c r="AM69" s="58">
        <v>24.3</v>
      </c>
      <c r="AN69" s="50">
        <v>92799</v>
      </c>
      <c r="AO69" s="51">
        <v>23369</v>
      </c>
      <c r="AP69" s="55">
        <v>25.2</v>
      </c>
      <c r="AQ69" s="53">
        <v>91915</v>
      </c>
      <c r="AR69" s="51">
        <v>23865</v>
      </c>
      <c r="AS69" s="58">
        <v>26</v>
      </c>
      <c r="AT69" s="50">
        <v>91191</v>
      </c>
      <c r="AU69" s="51">
        <v>24339</v>
      </c>
      <c r="AV69" s="55">
        <v>26.7</v>
      </c>
      <c r="AW69" s="53">
        <v>90553</v>
      </c>
      <c r="AX69" s="51">
        <v>24710</v>
      </c>
      <c r="AY69" s="54">
        <v>27.3</v>
      </c>
      <c r="AZ69" s="50">
        <v>89770</v>
      </c>
      <c r="BA69" s="51">
        <v>24811</v>
      </c>
      <c r="BB69" s="55">
        <v>27.6</v>
      </c>
      <c r="BC69" s="53">
        <v>89023</v>
      </c>
      <c r="BD69" s="51">
        <v>25295</v>
      </c>
      <c r="BE69" s="54">
        <v>28.4</v>
      </c>
      <c r="BF69" s="50">
        <v>87852</v>
      </c>
      <c r="BG69" s="51">
        <v>87976</v>
      </c>
      <c r="BH69" s="51">
        <v>25860</v>
      </c>
      <c r="BI69" s="51">
        <v>25874</v>
      </c>
      <c r="BJ69" s="56">
        <v>29.4</v>
      </c>
      <c r="BK69" s="52">
        <v>29.4</v>
      </c>
      <c r="BL69" s="53">
        <v>87161</v>
      </c>
      <c r="BM69" s="51">
        <v>87284</v>
      </c>
      <c r="BN69" s="51">
        <v>26245</v>
      </c>
      <c r="BO69" s="51">
        <v>26259</v>
      </c>
      <c r="BP69" s="57">
        <v>30.1</v>
      </c>
      <c r="BQ69" s="58">
        <v>30.1</v>
      </c>
      <c r="BR69" s="50">
        <v>85936</v>
      </c>
      <c r="BS69" s="51">
        <v>86054</v>
      </c>
      <c r="BT69" s="51">
        <v>26904</v>
      </c>
      <c r="BU69" s="51">
        <v>26917</v>
      </c>
      <c r="BV69" s="57">
        <v>31.3</v>
      </c>
      <c r="BW69" s="52">
        <v>31.3</v>
      </c>
      <c r="BX69" s="59">
        <v>84691</v>
      </c>
      <c r="BY69" s="51">
        <v>84809</v>
      </c>
      <c r="BZ69" s="72">
        <v>27428</v>
      </c>
      <c r="CA69" s="51">
        <v>27441</v>
      </c>
      <c r="CB69" s="57">
        <v>32.4</v>
      </c>
      <c r="CC69" s="54">
        <v>32.4</v>
      </c>
      <c r="CD69" s="50">
        <v>83817</v>
      </c>
      <c r="CE69" s="51">
        <v>83942</v>
      </c>
      <c r="CF69" s="51">
        <v>27989</v>
      </c>
      <c r="CG69" s="51">
        <v>28002</v>
      </c>
      <c r="CH69" s="57">
        <v>33.4</v>
      </c>
      <c r="CI69" s="52">
        <v>33.4</v>
      </c>
      <c r="CJ69" s="53">
        <v>82681</v>
      </c>
      <c r="CK69" s="51">
        <v>82823</v>
      </c>
      <c r="CL69" s="51">
        <v>28251</v>
      </c>
      <c r="CM69" s="51">
        <v>28265</v>
      </c>
      <c r="CN69" s="57">
        <v>34.200000000000003</v>
      </c>
      <c r="CO69" s="54">
        <v>34.1</v>
      </c>
      <c r="CP69" s="50">
        <v>81608</v>
      </c>
      <c r="CQ69" s="51">
        <v>81778</v>
      </c>
      <c r="CR69" s="51">
        <v>28502</v>
      </c>
      <c r="CS69" s="51">
        <v>28518</v>
      </c>
      <c r="CT69" s="57">
        <v>34.9</v>
      </c>
      <c r="CU69" s="61">
        <v>34.9</v>
      </c>
      <c r="CV69" s="50">
        <v>80200</v>
      </c>
      <c r="CW69" s="51">
        <v>80410</v>
      </c>
      <c r="CX69" s="51">
        <v>28606</v>
      </c>
      <c r="CY69" s="51">
        <v>28623</v>
      </c>
      <c r="CZ69" s="21">
        <f t="shared" si="0"/>
        <v>35.700000000000003</v>
      </c>
      <c r="DA69" s="23">
        <f t="shared" si="1"/>
        <v>35.6</v>
      </c>
      <c r="DB69" s="50">
        <v>79139</v>
      </c>
      <c r="DC69" s="51">
        <v>79352</v>
      </c>
      <c r="DD69" s="51">
        <v>28729</v>
      </c>
      <c r="DE69" s="51">
        <v>28746</v>
      </c>
      <c r="DF69" s="21">
        <v>36.299999999999997</v>
      </c>
      <c r="DG69" s="23">
        <v>36.200000000000003</v>
      </c>
      <c r="DH69" s="50">
        <v>77898</v>
      </c>
      <c r="DI69" s="51">
        <v>78112</v>
      </c>
      <c r="DJ69" s="51">
        <v>28691</v>
      </c>
      <c r="DK69" s="51">
        <v>28710</v>
      </c>
      <c r="DL69" s="21">
        <f t="shared" si="2"/>
        <v>36.831497599424893</v>
      </c>
      <c r="DM69" s="23">
        <f t="shared" si="3"/>
        <v>36.754916018025405</v>
      </c>
      <c r="DN69" s="50">
        <v>76487</v>
      </c>
      <c r="DO69" s="51">
        <v>76753</v>
      </c>
      <c r="DP69" s="51">
        <v>28600</v>
      </c>
      <c r="DQ69" s="51">
        <v>28622</v>
      </c>
      <c r="DR69" s="21">
        <f t="shared" si="4"/>
        <v>37.391975106880906</v>
      </c>
      <c r="DS69" s="23">
        <f t="shared" si="5"/>
        <v>37.29105051268354</v>
      </c>
    </row>
    <row r="70" spans="1:123" x14ac:dyDescent="0.2">
      <c r="A70" s="175"/>
      <c r="B70" s="176"/>
      <c r="C70" s="123" t="s">
        <v>62</v>
      </c>
      <c r="D70" s="27">
        <v>40092</v>
      </c>
      <c r="E70" s="25">
        <v>5635</v>
      </c>
      <c r="F70" s="26">
        <v>14.1</v>
      </c>
      <c r="G70" s="27">
        <v>40440</v>
      </c>
      <c r="H70" s="25">
        <v>6029</v>
      </c>
      <c r="I70" s="28">
        <v>14.9</v>
      </c>
      <c r="J70" s="24">
        <v>40494</v>
      </c>
      <c r="K70" s="25">
        <v>6286</v>
      </c>
      <c r="L70" s="26">
        <v>15.5</v>
      </c>
      <c r="M70" s="27">
        <v>40350</v>
      </c>
      <c r="N70" s="25">
        <v>6573</v>
      </c>
      <c r="O70" s="28">
        <v>16.3</v>
      </c>
      <c r="P70" s="24">
        <v>40236</v>
      </c>
      <c r="Q70" s="25">
        <v>6833</v>
      </c>
      <c r="R70" s="26">
        <v>17</v>
      </c>
      <c r="S70" s="27">
        <v>40072</v>
      </c>
      <c r="T70" s="25">
        <v>7058</v>
      </c>
      <c r="U70" s="62">
        <v>17.600000000000001</v>
      </c>
      <c r="V70" s="24">
        <v>39951</v>
      </c>
      <c r="W70" s="25">
        <v>7299</v>
      </c>
      <c r="X70" s="63">
        <v>18.3</v>
      </c>
      <c r="Y70" s="27">
        <v>39747</v>
      </c>
      <c r="Z70" s="25">
        <v>7566</v>
      </c>
      <c r="AA70" s="62">
        <v>19</v>
      </c>
      <c r="AB70" s="24">
        <v>39522</v>
      </c>
      <c r="AC70" s="25">
        <v>7733</v>
      </c>
      <c r="AD70" s="63">
        <v>19.600000000000001</v>
      </c>
      <c r="AE70" s="27">
        <v>39303</v>
      </c>
      <c r="AF70" s="25">
        <v>7913</v>
      </c>
      <c r="AG70" s="62">
        <v>20.100000000000001</v>
      </c>
      <c r="AH70" s="24">
        <v>39111</v>
      </c>
      <c r="AI70" s="25">
        <v>8023</v>
      </c>
      <c r="AJ70" s="63">
        <v>20.5</v>
      </c>
      <c r="AK70" s="27">
        <v>44194</v>
      </c>
      <c r="AL70" s="25">
        <v>9657</v>
      </c>
      <c r="AM70" s="62">
        <v>21.9</v>
      </c>
      <c r="AN70" s="24">
        <v>43752</v>
      </c>
      <c r="AO70" s="25">
        <v>9869</v>
      </c>
      <c r="AP70" s="63">
        <v>22.6</v>
      </c>
      <c r="AQ70" s="27">
        <v>43247</v>
      </c>
      <c r="AR70" s="25">
        <v>10048</v>
      </c>
      <c r="AS70" s="62">
        <v>23.2</v>
      </c>
      <c r="AT70" s="24">
        <v>42879</v>
      </c>
      <c r="AU70" s="25">
        <v>10217</v>
      </c>
      <c r="AV70" s="63">
        <v>23.8</v>
      </c>
      <c r="AW70" s="27">
        <v>42550</v>
      </c>
      <c r="AX70" s="25">
        <v>10342</v>
      </c>
      <c r="AY70" s="28">
        <v>24.3</v>
      </c>
      <c r="AZ70" s="24">
        <v>42137</v>
      </c>
      <c r="BA70" s="25">
        <v>10334</v>
      </c>
      <c r="BB70" s="63">
        <v>24.5</v>
      </c>
      <c r="BC70" s="27">
        <v>41731</v>
      </c>
      <c r="BD70" s="25">
        <v>10522</v>
      </c>
      <c r="BE70" s="28">
        <v>25.2</v>
      </c>
      <c r="BF70" s="24">
        <v>41217</v>
      </c>
      <c r="BG70" s="25">
        <v>41264</v>
      </c>
      <c r="BH70" s="25">
        <v>10789</v>
      </c>
      <c r="BI70" s="25">
        <v>10794</v>
      </c>
      <c r="BJ70" s="64">
        <v>26.2</v>
      </c>
      <c r="BK70" s="26">
        <v>26.2</v>
      </c>
      <c r="BL70" s="27">
        <v>40880</v>
      </c>
      <c r="BM70" s="25">
        <v>40924</v>
      </c>
      <c r="BN70" s="25">
        <v>10967</v>
      </c>
      <c r="BO70" s="25">
        <v>10973</v>
      </c>
      <c r="BP70" s="34">
        <v>26.8</v>
      </c>
      <c r="BQ70" s="62">
        <v>26.8</v>
      </c>
      <c r="BR70" s="24">
        <v>40331</v>
      </c>
      <c r="BS70" s="25">
        <v>40373</v>
      </c>
      <c r="BT70" s="25">
        <v>11267</v>
      </c>
      <c r="BU70" s="25">
        <v>11272</v>
      </c>
      <c r="BV70" s="34">
        <v>27.9</v>
      </c>
      <c r="BW70" s="26">
        <v>27.9</v>
      </c>
      <c r="BX70" s="65">
        <v>39644</v>
      </c>
      <c r="BY70" s="25">
        <v>39689</v>
      </c>
      <c r="BZ70" s="73">
        <v>11475</v>
      </c>
      <c r="CA70" s="25">
        <v>11480</v>
      </c>
      <c r="CB70" s="34">
        <v>28.9</v>
      </c>
      <c r="CC70" s="28">
        <v>28.9</v>
      </c>
      <c r="CD70" s="24">
        <v>39210</v>
      </c>
      <c r="CE70" s="25">
        <v>39266</v>
      </c>
      <c r="CF70" s="25">
        <v>11690</v>
      </c>
      <c r="CG70" s="25">
        <v>11695</v>
      </c>
      <c r="CH70" s="34">
        <v>29.8</v>
      </c>
      <c r="CI70" s="26">
        <v>29.8</v>
      </c>
      <c r="CJ70" s="27">
        <v>38636</v>
      </c>
      <c r="CK70" s="25">
        <v>38703</v>
      </c>
      <c r="CL70" s="25">
        <v>11758</v>
      </c>
      <c r="CM70" s="25">
        <v>11763</v>
      </c>
      <c r="CN70" s="34">
        <v>30.4</v>
      </c>
      <c r="CO70" s="28">
        <v>30.4</v>
      </c>
      <c r="CP70" s="24">
        <v>38117</v>
      </c>
      <c r="CQ70" s="25">
        <v>38205</v>
      </c>
      <c r="CR70" s="25">
        <v>11860</v>
      </c>
      <c r="CS70" s="25">
        <v>11865</v>
      </c>
      <c r="CT70" s="34">
        <v>31.1</v>
      </c>
      <c r="CU70" s="36">
        <v>31.1</v>
      </c>
      <c r="CV70" s="24">
        <v>37452</v>
      </c>
      <c r="CW70" s="25">
        <v>37572</v>
      </c>
      <c r="CX70" s="25">
        <v>11883</v>
      </c>
      <c r="CY70" s="25">
        <v>11891</v>
      </c>
      <c r="CZ70" s="34">
        <f t="shared" si="0"/>
        <v>31.7</v>
      </c>
      <c r="DA70" s="36">
        <f t="shared" si="1"/>
        <v>31.6</v>
      </c>
      <c r="DB70" s="24">
        <v>36953</v>
      </c>
      <c r="DC70" s="25">
        <v>37072</v>
      </c>
      <c r="DD70" s="25">
        <v>11915</v>
      </c>
      <c r="DE70" s="25">
        <v>11923</v>
      </c>
      <c r="DF70" s="34">
        <v>32.200000000000003</v>
      </c>
      <c r="DG70" s="36">
        <v>32.200000000000003</v>
      </c>
      <c r="DH70" s="24">
        <v>36367</v>
      </c>
      <c r="DI70" s="25">
        <v>36487</v>
      </c>
      <c r="DJ70" s="25">
        <v>11928</v>
      </c>
      <c r="DK70" s="25">
        <v>11936</v>
      </c>
      <c r="DL70" s="34">
        <f t="shared" si="2"/>
        <v>32.798966095636153</v>
      </c>
      <c r="DM70" s="36">
        <f t="shared" si="3"/>
        <v>32.71302107599967</v>
      </c>
      <c r="DN70" s="24">
        <v>35740</v>
      </c>
      <c r="DO70" s="25">
        <v>35884</v>
      </c>
      <c r="DP70" s="25">
        <v>11912</v>
      </c>
      <c r="DQ70" s="25">
        <v>11921</v>
      </c>
      <c r="DR70" s="34">
        <f t="shared" si="4"/>
        <v>33.329602686066032</v>
      </c>
      <c r="DS70" s="36">
        <f t="shared" si="5"/>
        <v>33.220934121056736</v>
      </c>
    </row>
    <row r="71" spans="1:123" x14ac:dyDescent="0.2">
      <c r="A71" s="175"/>
      <c r="B71" s="176"/>
      <c r="C71" s="122" t="s">
        <v>63</v>
      </c>
      <c r="D71" s="40">
        <v>44086</v>
      </c>
      <c r="E71" s="38">
        <v>7274</v>
      </c>
      <c r="F71" s="39">
        <v>16.5</v>
      </c>
      <c r="G71" s="40">
        <v>44461</v>
      </c>
      <c r="H71" s="38">
        <v>7655</v>
      </c>
      <c r="I71" s="41">
        <v>17.2</v>
      </c>
      <c r="J71" s="37">
        <v>44674</v>
      </c>
      <c r="K71" s="38">
        <v>7989</v>
      </c>
      <c r="L71" s="39">
        <v>17.899999999999999</v>
      </c>
      <c r="M71" s="40">
        <v>44613</v>
      </c>
      <c r="N71" s="38">
        <v>8379</v>
      </c>
      <c r="O71" s="41">
        <v>18.8</v>
      </c>
      <c r="P71" s="37">
        <v>44603</v>
      </c>
      <c r="Q71" s="38">
        <v>8709</v>
      </c>
      <c r="R71" s="39">
        <v>19.5</v>
      </c>
      <c r="S71" s="40">
        <v>44510</v>
      </c>
      <c r="T71" s="38">
        <v>9117</v>
      </c>
      <c r="U71" s="67">
        <v>20.5</v>
      </c>
      <c r="V71" s="37">
        <v>44468</v>
      </c>
      <c r="W71" s="38">
        <v>9502</v>
      </c>
      <c r="X71" s="68">
        <v>21.4</v>
      </c>
      <c r="Y71" s="40">
        <v>44373</v>
      </c>
      <c r="Z71" s="38">
        <v>9810</v>
      </c>
      <c r="AA71" s="67">
        <v>22.1</v>
      </c>
      <c r="AB71" s="37">
        <v>44050</v>
      </c>
      <c r="AC71" s="38">
        <v>10102</v>
      </c>
      <c r="AD71" s="68">
        <v>22.9</v>
      </c>
      <c r="AE71" s="40">
        <v>43851</v>
      </c>
      <c r="AF71" s="38">
        <v>10432</v>
      </c>
      <c r="AG71" s="67">
        <v>23.8</v>
      </c>
      <c r="AH71" s="37">
        <v>43805</v>
      </c>
      <c r="AI71" s="38">
        <v>10687</v>
      </c>
      <c r="AJ71" s="68">
        <v>24.4</v>
      </c>
      <c r="AK71" s="40">
        <v>49376</v>
      </c>
      <c r="AL71" s="38">
        <v>13072</v>
      </c>
      <c r="AM71" s="67">
        <v>26.5</v>
      </c>
      <c r="AN71" s="37">
        <v>49047</v>
      </c>
      <c r="AO71" s="38">
        <v>13500</v>
      </c>
      <c r="AP71" s="68">
        <v>27.5</v>
      </c>
      <c r="AQ71" s="40">
        <v>48668</v>
      </c>
      <c r="AR71" s="38">
        <v>13817</v>
      </c>
      <c r="AS71" s="67">
        <v>28.4</v>
      </c>
      <c r="AT71" s="37">
        <v>48312</v>
      </c>
      <c r="AU71" s="38">
        <v>14122</v>
      </c>
      <c r="AV71" s="68">
        <v>29.2</v>
      </c>
      <c r="AW71" s="40">
        <v>48003</v>
      </c>
      <c r="AX71" s="38">
        <v>14368</v>
      </c>
      <c r="AY71" s="41">
        <v>29.9</v>
      </c>
      <c r="AZ71" s="37">
        <v>47633</v>
      </c>
      <c r="BA71" s="38">
        <v>14477</v>
      </c>
      <c r="BB71" s="68">
        <v>30.4</v>
      </c>
      <c r="BC71" s="40">
        <v>47292</v>
      </c>
      <c r="BD71" s="38">
        <v>14773</v>
      </c>
      <c r="BE71" s="41">
        <v>31.2</v>
      </c>
      <c r="BF71" s="37">
        <v>46635</v>
      </c>
      <c r="BG71" s="38">
        <v>46712</v>
      </c>
      <c r="BH71" s="38">
        <v>15071</v>
      </c>
      <c r="BI71" s="38">
        <v>15080</v>
      </c>
      <c r="BJ71" s="69">
        <v>32.299999999999997</v>
      </c>
      <c r="BK71" s="39">
        <v>32.299999999999997</v>
      </c>
      <c r="BL71" s="40">
        <v>46281</v>
      </c>
      <c r="BM71" s="38">
        <v>46360</v>
      </c>
      <c r="BN71" s="38">
        <v>15278</v>
      </c>
      <c r="BO71" s="38">
        <v>15286</v>
      </c>
      <c r="BP71" s="47">
        <v>33</v>
      </c>
      <c r="BQ71" s="67">
        <v>33</v>
      </c>
      <c r="BR71" s="37">
        <v>45605</v>
      </c>
      <c r="BS71" s="38">
        <v>45681</v>
      </c>
      <c r="BT71" s="38">
        <v>15637</v>
      </c>
      <c r="BU71" s="38">
        <v>15645</v>
      </c>
      <c r="BV71" s="47">
        <v>34.299999999999997</v>
      </c>
      <c r="BW71" s="39">
        <v>34.200000000000003</v>
      </c>
      <c r="BX71" s="70">
        <v>45047</v>
      </c>
      <c r="BY71" s="38">
        <v>45120</v>
      </c>
      <c r="BZ71" s="74">
        <v>15953</v>
      </c>
      <c r="CA71" s="38">
        <v>15961</v>
      </c>
      <c r="CB71" s="47">
        <v>35.4</v>
      </c>
      <c r="CC71" s="41">
        <v>35.4</v>
      </c>
      <c r="CD71" s="37">
        <v>44607</v>
      </c>
      <c r="CE71" s="38">
        <v>44676</v>
      </c>
      <c r="CF71" s="38">
        <v>16299</v>
      </c>
      <c r="CG71" s="38">
        <v>16307</v>
      </c>
      <c r="CH71" s="47">
        <v>36.5</v>
      </c>
      <c r="CI71" s="39">
        <v>36.5</v>
      </c>
      <c r="CJ71" s="40">
        <v>44045</v>
      </c>
      <c r="CK71" s="38">
        <v>44120</v>
      </c>
      <c r="CL71" s="38">
        <v>16493</v>
      </c>
      <c r="CM71" s="38">
        <v>16502</v>
      </c>
      <c r="CN71" s="47">
        <v>37.4</v>
      </c>
      <c r="CO71" s="41">
        <v>37.4</v>
      </c>
      <c r="CP71" s="37">
        <v>43491</v>
      </c>
      <c r="CQ71" s="38">
        <v>43573</v>
      </c>
      <c r="CR71" s="38">
        <v>16642</v>
      </c>
      <c r="CS71" s="38">
        <v>16653</v>
      </c>
      <c r="CT71" s="47">
        <v>38.299999999999997</v>
      </c>
      <c r="CU71" s="49">
        <v>38.200000000000003</v>
      </c>
      <c r="CV71" s="37">
        <v>42748</v>
      </c>
      <c r="CW71" s="38">
        <v>42838</v>
      </c>
      <c r="CX71" s="38">
        <v>16723</v>
      </c>
      <c r="CY71" s="38">
        <v>16732</v>
      </c>
      <c r="CZ71" s="47">
        <f t="shared" ref="CZ71:CZ134" si="6">ROUND(CX71/CV71*100,1)</f>
        <v>39.1</v>
      </c>
      <c r="DA71" s="49">
        <f t="shared" ref="DA71:DA134" si="7">ROUND(CY71/CW71*100,1)</f>
        <v>39.1</v>
      </c>
      <c r="DB71" s="37">
        <v>42186</v>
      </c>
      <c r="DC71" s="38">
        <v>42280</v>
      </c>
      <c r="DD71" s="38">
        <v>16814</v>
      </c>
      <c r="DE71" s="38">
        <v>16823</v>
      </c>
      <c r="DF71" s="47">
        <v>39.9</v>
      </c>
      <c r="DG71" s="49">
        <v>39.799999999999997</v>
      </c>
      <c r="DH71" s="37">
        <v>41531</v>
      </c>
      <c r="DI71" s="38">
        <v>41625</v>
      </c>
      <c r="DJ71" s="38">
        <v>16763</v>
      </c>
      <c r="DK71" s="38">
        <v>16774</v>
      </c>
      <c r="DL71" s="47">
        <f t="shared" ref="DL71:DL134" si="8">DJ71/DH71*100</f>
        <v>40.362620692976328</v>
      </c>
      <c r="DM71" s="49">
        <f t="shared" ref="DM71:DM134" si="9">DK71/DI71*100</f>
        <v>40.297897897897897</v>
      </c>
      <c r="DN71" s="37">
        <v>40747</v>
      </c>
      <c r="DO71" s="38">
        <v>40869</v>
      </c>
      <c r="DP71" s="38">
        <v>16688</v>
      </c>
      <c r="DQ71" s="38">
        <v>16701</v>
      </c>
      <c r="DR71" s="47">
        <f t="shared" ref="DR71:DR134" si="10">DP71/DN71*100</f>
        <v>40.955162343239991</v>
      </c>
      <c r="DS71" s="49">
        <f t="shared" ref="DS71:DS134" si="11">DQ71/DO71*100</f>
        <v>40.864714086471409</v>
      </c>
    </row>
    <row r="72" spans="1:123" x14ac:dyDescent="0.2">
      <c r="A72" s="175" t="s">
        <v>34</v>
      </c>
      <c r="B72" s="176"/>
      <c r="C72" s="121" t="s">
        <v>61</v>
      </c>
      <c r="D72" s="53">
        <v>42705</v>
      </c>
      <c r="E72" s="51">
        <v>5798</v>
      </c>
      <c r="F72" s="52">
        <v>13.6</v>
      </c>
      <c r="G72" s="53">
        <v>42767</v>
      </c>
      <c r="H72" s="51">
        <v>6131</v>
      </c>
      <c r="I72" s="54">
        <v>14.3</v>
      </c>
      <c r="J72" s="50">
        <v>42540</v>
      </c>
      <c r="K72" s="51">
        <v>6377</v>
      </c>
      <c r="L72" s="52">
        <v>15</v>
      </c>
      <c r="M72" s="53">
        <v>42470</v>
      </c>
      <c r="N72" s="51">
        <v>6638</v>
      </c>
      <c r="O72" s="54">
        <v>15.6</v>
      </c>
      <c r="P72" s="50">
        <v>42405</v>
      </c>
      <c r="Q72" s="51">
        <v>6892</v>
      </c>
      <c r="R72" s="52">
        <v>16.3</v>
      </c>
      <c r="S72" s="53">
        <v>42177</v>
      </c>
      <c r="T72" s="51">
        <v>7124</v>
      </c>
      <c r="U72" s="58">
        <v>16.899999999999999</v>
      </c>
      <c r="V72" s="50">
        <v>41909</v>
      </c>
      <c r="W72" s="51">
        <v>7403</v>
      </c>
      <c r="X72" s="55">
        <v>17.7</v>
      </c>
      <c r="Y72" s="53">
        <v>41679</v>
      </c>
      <c r="Z72" s="51">
        <v>7609</v>
      </c>
      <c r="AA72" s="58">
        <v>18.3</v>
      </c>
      <c r="AB72" s="50">
        <v>41427</v>
      </c>
      <c r="AC72" s="51">
        <v>7858</v>
      </c>
      <c r="AD72" s="55">
        <v>19</v>
      </c>
      <c r="AE72" s="53">
        <v>41023</v>
      </c>
      <c r="AF72" s="51">
        <v>8078</v>
      </c>
      <c r="AG72" s="58">
        <v>19.7</v>
      </c>
      <c r="AH72" s="50">
        <v>40663</v>
      </c>
      <c r="AI72" s="51">
        <v>8243</v>
      </c>
      <c r="AJ72" s="55">
        <v>20.3</v>
      </c>
      <c r="AK72" s="53">
        <v>40735</v>
      </c>
      <c r="AL72" s="51">
        <v>8432</v>
      </c>
      <c r="AM72" s="58">
        <v>20.7</v>
      </c>
      <c r="AN72" s="50">
        <v>40280</v>
      </c>
      <c r="AO72" s="51">
        <v>8702</v>
      </c>
      <c r="AP72" s="55">
        <v>21.6</v>
      </c>
      <c r="AQ72" s="53">
        <v>39959</v>
      </c>
      <c r="AR72" s="51">
        <v>8897</v>
      </c>
      <c r="AS72" s="58">
        <v>22.3</v>
      </c>
      <c r="AT72" s="50">
        <v>39420</v>
      </c>
      <c r="AU72" s="51">
        <v>9070</v>
      </c>
      <c r="AV72" s="55">
        <v>23</v>
      </c>
      <c r="AW72" s="53">
        <v>39384</v>
      </c>
      <c r="AX72" s="51">
        <v>9229</v>
      </c>
      <c r="AY72" s="54">
        <v>23.4</v>
      </c>
      <c r="AZ72" s="50">
        <v>39047</v>
      </c>
      <c r="BA72" s="51">
        <v>9290</v>
      </c>
      <c r="BB72" s="55">
        <v>23.8</v>
      </c>
      <c r="BC72" s="53">
        <v>38548</v>
      </c>
      <c r="BD72" s="51">
        <v>9506</v>
      </c>
      <c r="BE72" s="54">
        <v>24.7</v>
      </c>
      <c r="BF72" s="50">
        <v>38052</v>
      </c>
      <c r="BG72" s="51">
        <v>38219</v>
      </c>
      <c r="BH72" s="51">
        <v>9798</v>
      </c>
      <c r="BI72" s="51">
        <v>9801</v>
      </c>
      <c r="BJ72" s="56">
        <v>25.7</v>
      </c>
      <c r="BK72" s="52">
        <v>25.6</v>
      </c>
      <c r="BL72" s="53">
        <v>38068</v>
      </c>
      <c r="BM72" s="51">
        <v>38240</v>
      </c>
      <c r="BN72" s="51">
        <v>10057</v>
      </c>
      <c r="BO72" s="51">
        <v>10060</v>
      </c>
      <c r="BP72" s="57">
        <v>26.4</v>
      </c>
      <c r="BQ72" s="58">
        <v>26.3</v>
      </c>
      <c r="BR72" s="50">
        <v>37553</v>
      </c>
      <c r="BS72" s="51">
        <v>37740</v>
      </c>
      <c r="BT72" s="51">
        <v>10372</v>
      </c>
      <c r="BU72" s="51">
        <v>10373</v>
      </c>
      <c r="BV72" s="57">
        <v>27.6</v>
      </c>
      <c r="BW72" s="52">
        <v>27.5</v>
      </c>
      <c r="BX72" s="53">
        <v>37165</v>
      </c>
      <c r="BY72" s="51">
        <v>37352</v>
      </c>
      <c r="BZ72" s="51">
        <v>10637</v>
      </c>
      <c r="CA72" s="51">
        <v>10640</v>
      </c>
      <c r="CB72" s="57">
        <v>28.6</v>
      </c>
      <c r="CC72" s="54">
        <v>28.5</v>
      </c>
      <c r="CD72" s="50">
        <v>36710</v>
      </c>
      <c r="CE72" s="51">
        <v>36912</v>
      </c>
      <c r="CF72" s="51">
        <v>10840</v>
      </c>
      <c r="CG72" s="51">
        <v>10843</v>
      </c>
      <c r="CH72" s="57">
        <v>29.5</v>
      </c>
      <c r="CI72" s="52">
        <v>29.4</v>
      </c>
      <c r="CJ72" s="53">
        <v>36107</v>
      </c>
      <c r="CK72" s="51">
        <v>36322</v>
      </c>
      <c r="CL72" s="51">
        <v>10997</v>
      </c>
      <c r="CM72" s="51">
        <v>11002</v>
      </c>
      <c r="CN72" s="57">
        <v>30.5</v>
      </c>
      <c r="CO72" s="54">
        <v>30.3</v>
      </c>
      <c r="CP72" s="50">
        <v>35450</v>
      </c>
      <c r="CQ72" s="51">
        <v>35704</v>
      </c>
      <c r="CR72" s="51">
        <v>11084</v>
      </c>
      <c r="CS72" s="51">
        <v>11089</v>
      </c>
      <c r="CT72" s="57">
        <v>31.3</v>
      </c>
      <c r="CU72" s="61">
        <v>31.1</v>
      </c>
      <c r="CV72" s="50">
        <v>34708</v>
      </c>
      <c r="CW72" s="51">
        <v>35039</v>
      </c>
      <c r="CX72" s="51">
        <v>11131</v>
      </c>
      <c r="CY72" s="51">
        <v>11138</v>
      </c>
      <c r="CZ72" s="21">
        <f t="shared" si="6"/>
        <v>32.1</v>
      </c>
      <c r="DA72" s="23">
        <f t="shared" si="7"/>
        <v>31.8</v>
      </c>
      <c r="DB72" s="50">
        <v>34308</v>
      </c>
      <c r="DC72" s="51">
        <v>34640</v>
      </c>
      <c r="DD72" s="51">
        <v>11216</v>
      </c>
      <c r="DE72" s="51">
        <v>11223</v>
      </c>
      <c r="DF72" s="21">
        <v>32.700000000000003</v>
      </c>
      <c r="DG72" s="23">
        <v>32.4</v>
      </c>
      <c r="DH72" s="50">
        <v>33705</v>
      </c>
      <c r="DI72" s="51">
        <v>34016</v>
      </c>
      <c r="DJ72" s="51">
        <v>11200</v>
      </c>
      <c r="DK72" s="51">
        <v>11208</v>
      </c>
      <c r="DL72" s="21">
        <f t="shared" si="8"/>
        <v>33.229491173416406</v>
      </c>
      <c r="DM72" s="23">
        <f t="shared" si="9"/>
        <v>32.949200376293511</v>
      </c>
      <c r="DN72" s="50">
        <v>33162</v>
      </c>
      <c r="DO72" s="51">
        <v>33444</v>
      </c>
      <c r="DP72" s="51">
        <v>11111</v>
      </c>
      <c r="DQ72" s="51">
        <v>11118</v>
      </c>
      <c r="DR72" s="21">
        <f t="shared" si="10"/>
        <v>33.505216814426156</v>
      </c>
      <c r="DS72" s="23">
        <f t="shared" si="11"/>
        <v>33.243631144599931</v>
      </c>
    </row>
    <row r="73" spans="1:123" x14ac:dyDescent="0.2">
      <c r="A73" s="175"/>
      <c r="B73" s="176"/>
      <c r="C73" s="123" t="s">
        <v>62</v>
      </c>
      <c r="D73" s="27">
        <v>21135</v>
      </c>
      <c r="E73" s="25">
        <v>2403</v>
      </c>
      <c r="F73" s="26">
        <v>11.4</v>
      </c>
      <c r="G73" s="27">
        <v>21168</v>
      </c>
      <c r="H73" s="25">
        <v>2573</v>
      </c>
      <c r="I73" s="28">
        <v>12.2</v>
      </c>
      <c r="J73" s="24">
        <v>21041</v>
      </c>
      <c r="K73" s="25">
        <v>2683</v>
      </c>
      <c r="L73" s="26">
        <v>12.8</v>
      </c>
      <c r="M73" s="27">
        <v>20996</v>
      </c>
      <c r="N73" s="25">
        <v>2797</v>
      </c>
      <c r="O73" s="28">
        <v>13.3</v>
      </c>
      <c r="P73" s="24">
        <v>20959</v>
      </c>
      <c r="Q73" s="25">
        <v>2898</v>
      </c>
      <c r="R73" s="26">
        <v>13.8</v>
      </c>
      <c r="S73" s="27">
        <v>20787</v>
      </c>
      <c r="T73" s="25">
        <v>3001</v>
      </c>
      <c r="U73" s="62">
        <v>14.4</v>
      </c>
      <c r="V73" s="24">
        <v>20594</v>
      </c>
      <c r="W73" s="25">
        <v>3114</v>
      </c>
      <c r="X73" s="63">
        <v>15.1</v>
      </c>
      <c r="Y73" s="27">
        <v>20514</v>
      </c>
      <c r="Z73" s="25">
        <v>3203</v>
      </c>
      <c r="AA73" s="62">
        <v>15.6</v>
      </c>
      <c r="AB73" s="24">
        <v>20435</v>
      </c>
      <c r="AC73" s="25">
        <v>3338</v>
      </c>
      <c r="AD73" s="63">
        <v>16.3</v>
      </c>
      <c r="AE73" s="27">
        <v>20212</v>
      </c>
      <c r="AF73" s="25">
        <v>3428</v>
      </c>
      <c r="AG73" s="62">
        <v>17</v>
      </c>
      <c r="AH73" s="24">
        <v>20020</v>
      </c>
      <c r="AI73" s="25">
        <v>3505</v>
      </c>
      <c r="AJ73" s="63">
        <v>17.5</v>
      </c>
      <c r="AK73" s="27">
        <v>20068</v>
      </c>
      <c r="AL73" s="25">
        <v>3575</v>
      </c>
      <c r="AM73" s="62">
        <v>17.8</v>
      </c>
      <c r="AN73" s="24">
        <v>19812</v>
      </c>
      <c r="AO73" s="25">
        <v>3687</v>
      </c>
      <c r="AP73" s="63">
        <v>18.600000000000001</v>
      </c>
      <c r="AQ73" s="27">
        <v>19639</v>
      </c>
      <c r="AR73" s="25">
        <v>3783</v>
      </c>
      <c r="AS73" s="62">
        <v>19.3</v>
      </c>
      <c r="AT73" s="24">
        <v>19368</v>
      </c>
      <c r="AU73" s="25">
        <v>3864</v>
      </c>
      <c r="AV73" s="63">
        <v>20</v>
      </c>
      <c r="AW73" s="27">
        <v>19425</v>
      </c>
      <c r="AX73" s="25">
        <v>3941</v>
      </c>
      <c r="AY73" s="28">
        <v>20.3</v>
      </c>
      <c r="AZ73" s="24">
        <v>19257</v>
      </c>
      <c r="BA73" s="25">
        <v>3950</v>
      </c>
      <c r="BB73" s="63">
        <v>20.5</v>
      </c>
      <c r="BC73" s="27">
        <v>18978</v>
      </c>
      <c r="BD73" s="25">
        <v>4023</v>
      </c>
      <c r="BE73" s="28">
        <v>21.2</v>
      </c>
      <c r="BF73" s="24">
        <v>18691</v>
      </c>
      <c r="BG73" s="25">
        <v>18722</v>
      </c>
      <c r="BH73" s="25">
        <v>4161</v>
      </c>
      <c r="BI73" s="25">
        <v>4162</v>
      </c>
      <c r="BJ73" s="64">
        <v>22.3</v>
      </c>
      <c r="BK73" s="26">
        <v>22.2</v>
      </c>
      <c r="BL73" s="27">
        <v>18749</v>
      </c>
      <c r="BM73" s="25">
        <v>18785</v>
      </c>
      <c r="BN73" s="25">
        <v>4286</v>
      </c>
      <c r="BO73" s="25">
        <v>4287</v>
      </c>
      <c r="BP73" s="34">
        <v>22.9</v>
      </c>
      <c r="BQ73" s="62">
        <v>22.8</v>
      </c>
      <c r="BR73" s="24">
        <v>18478</v>
      </c>
      <c r="BS73" s="25">
        <v>18515</v>
      </c>
      <c r="BT73" s="25">
        <v>4408</v>
      </c>
      <c r="BU73" s="25">
        <v>4408</v>
      </c>
      <c r="BV73" s="34">
        <v>23.9</v>
      </c>
      <c r="BW73" s="26">
        <v>23.8</v>
      </c>
      <c r="BX73" s="27">
        <v>18302</v>
      </c>
      <c r="BY73" s="25">
        <v>18331</v>
      </c>
      <c r="BZ73" s="25">
        <v>4539</v>
      </c>
      <c r="CA73" s="25">
        <v>4540</v>
      </c>
      <c r="CB73" s="34">
        <v>24.8</v>
      </c>
      <c r="CC73" s="28">
        <v>24.8</v>
      </c>
      <c r="CD73" s="24">
        <v>18064</v>
      </c>
      <c r="CE73" s="25">
        <v>18093</v>
      </c>
      <c r="CF73" s="25">
        <v>4623</v>
      </c>
      <c r="CG73" s="25">
        <v>4624</v>
      </c>
      <c r="CH73" s="34">
        <v>25.6</v>
      </c>
      <c r="CI73" s="26">
        <v>25.6</v>
      </c>
      <c r="CJ73" s="27">
        <v>17761</v>
      </c>
      <c r="CK73" s="25">
        <v>17799</v>
      </c>
      <c r="CL73" s="25">
        <v>4659</v>
      </c>
      <c r="CM73" s="25">
        <v>4661</v>
      </c>
      <c r="CN73" s="34">
        <v>26.2</v>
      </c>
      <c r="CO73" s="28">
        <v>26.2</v>
      </c>
      <c r="CP73" s="24">
        <v>17431</v>
      </c>
      <c r="CQ73" s="25">
        <v>17499</v>
      </c>
      <c r="CR73" s="25">
        <v>4701</v>
      </c>
      <c r="CS73" s="25">
        <v>4703</v>
      </c>
      <c r="CT73" s="34">
        <v>27</v>
      </c>
      <c r="CU73" s="36">
        <v>26.9</v>
      </c>
      <c r="CV73" s="24">
        <v>17060</v>
      </c>
      <c r="CW73" s="25">
        <v>17148</v>
      </c>
      <c r="CX73" s="25">
        <v>4736</v>
      </c>
      <c r="CY73" s="25">
        <v>4739</v>
      </c>
      <c r="CZ73" s="34">
        <f t="shared" si="6"/>
        <v>27.8</v>
      </c>
      <c r="DA73" s="36">
        <f t="shared" si="7"/>
        <v>27.6</v>
      </c>
      <c r="DB73" s="24">
        <v>16900</v>
      </c>
      <c r="DC73" s="25">
        <v>16986</v>
      </c>
      <c r="DD73" s="25">
        <v>4769</v>
      </c>
      <c r="DE73" s="25">
        <v>4772</v>
      </c>
      <c r="DF73" s="34">
        <v>28.2</v>
      </c>
      <c r="DG73" s="36">
        <v>28.1</v>
      </c>
      <c r="DH73" s="24">
        <v>16583</v>
      </c>
      <c r="DI73" s="25">
        <v>16672</v>
      </c>
      <c r="DJ73" s="25">
        <v>4758</v>
      </c>
      <c r="DK73" s="25">
        <v>4761</v>
      </c>
      <c r="DL73" s="34">
        <f t="shared" si="8"/>
        <v>28.692034010733884</v>
      </c>
      <c r="DM73" s="36">
        <f t="shared" si="9"/>
        <v>28.556861804222649</v>
      </c>
      <c r="DN73" s="24">
        <v>16302</v>
      </c>
      <c r="DO73" s="25">
        <v>16394</v>
      </c>
      <c r="DP73" s="25">
        <v>4719</v>
      </c>
      <c r="DQ73" s="25">
        <v>4722</v>
      </c>
      <c r="DR73" s="34">
        <f t="shared" si="10"/>
        <v>28.947368421052634</v>
      </c>
      <c r="DS73" s="36">
        <f t="shared" si="11"/>
        <v>28.803220690496524</v>
      </c>
    </row>
    <row r="74" spans="1:123" x14ac:dyDescent="0.2">
      <c r="A74" s="175"/>
      <c r="B74" s="176"/>
      <c r="C74" s="122" t="s">
        <v>63</v>
      </c>
      <c r="D74" s="40">
        <v>21570</v>
      </c>
      <c r="E74" s="38">
        <v>3395</v>
      </c>
      <c r="F74" s="39">
        <v>15.7</v>
      </c>
      <c r="G74" s="40">
        <v>21599</v>
      </c>
      <c r="H74" s="38">
        <v>3558</v>
      </c>
      <c r="I74" s="41">
        <v>16.5</v>
      </c>
      <c r="J74" s="37">
        <v>21499</v>
      </c>
      <c r="K74" s="38">
        <v>3694</v>
      </c>
      <c r="L74" s="39">
        <v>17.2</v>
      </c>
      <c r="M74" s="40">
        <v>21474</v>
      </c>
      <c r="N74" s="38">
        <v>3841</v>
      </c>
      <c r="O74" s="41">
        <v>17.899999999999999</v>
      </c>
      <c r="P74" s="37">
        <v>21446</v>
      </c>
      <c r="Q74" s="38">
        <v>3994</v>
      </c>
      <c r="R74" s="39">
        <v>18.600000000000001</v>
      </c>
      <c r="S74" s="40">
        <v>21390</v>
      </c>
      <c r="T74" s="38">
        <v>4123</v>
      </c>
      <c r="U74" s="67">
        <v>19.3</v>
      </c>
      <c r="V74" s="37">
        <v>21315</v>
      </c>
      <c r="W74" s="38">
        <v>4289</v>
      </c>
      <c r="X74" s="68">
        <v>20.100000000000001</v>
      </c>
      <c r="Y74" s="40">
        <v>21165</v>
      </c>
      <c r="Z74" s="38">
        <v>4406</v>
      </c>
      <c r="AA74" s="67">
        <v>20.8</v>
      </c>
      <c r="AB74" s="37">
        <v>20992</v>
      </c>
      <c r="AC74" s="38">
        <v>4520</v>
      </c>
      <c r="AD74" s="68">
        <v>21.5</v>
      </c>
      <c r="AE74" s="40">
        <v>20811</v>
      </c>
      <c r="AF74" s="38">
        <v>4650</v>
      </c>
      <c r="AG74" s="67">
        <v>22.3</v>
      </c>
      <c r="AH74" s="37">
        <v>20643</v>
      </c>
      <c r="AI74" s="38">
        <v>4738</v>
      </c>
      <c r="AJ74" s="68">
        <v>23</v>
      </c>
      <c r="AK74" s="40">
        <v>20667</v>
      </c>
      <c r="AL74" s="38">
        <v>4857</v>
      </c>
      <c r="AM74" s="67">
        <v>23.5</v>
      </c>
      <c r="AN74" s="37">
        <v>20468</v>
      </c>
      <c r="AO74" s="38">
        <v>5015</v>
      </c>
      <c r="AP74" s="68">
        <v>24.5</v>
      </c>
      <c r="AQ74" s="40">
        <v>20320</v>
      </c>
      <c r="AR74" s="38">
        <v>5114</v>
      </c>
      <c r="AS74" s="67">
        <v>25.2</v>
      </c>
      <c r="AT74" s="37">
        <v>20052</v>
      </c>
      <c r="AU74" s="38">
        <v>5206</v>
      </c>
      <c r="AV74" s="68">
        <v>26</v>
      </c>
      <c r="AW74" s="40">
        <v>19959</v>
      </c>
      <c r="AX74" s="38">
        <v>5288</v>
      </c>
      <c r="AY74" s="41">
        <v>26.5</v>
      </c>
      <c r="AZ74" s="37">
        <v>19790</v>
      </c>
      <c r="BA74" s="38">
        <v>5340</v>
      </c>
      <c r="BB74" s="68">
        <v>27</v>
      </c>
      <c r="BC74" s="40">
        <v>19570</v>
      </c>
      <c r="BD74" s="38">
        <v>5483</v>
      </c>
      <c r="BE74" s="41">
        <v>28</v>
      </c>
      <c r="BF74" s="37">
        <v>19361</v>
      </c>
      <c r="BG74" s="38">
        <v>19497</v>
      </c>
      <c r="BH74" s="38">
        <v>5637</v>
      </c>
      <c r="BI74" s="38">
        <v>5639</v>
      </c>
      <c r="BJ74" s="69">
        <v>29.1</v>
      </c>
      <c r="BK74" s="39">
        <v>28.9</v>
      </c>
      <c r="BL74" s="40">
        <v>19319</v>
      </c>
      <c r="BM74" s="38">
        <v>19455</v>
      </c>
      <c r="BN74" s="38">
        <v>5771</v>
      </c>
      <c r="BO74" s="38">
        <v>5773</v>
      </c>
      <c r="BP74" s="47">
        <v>29.9</v>
      </c>
      <c r="BQ74" s="67">
        <v>29.7</v>
      </c>
      <c r="BR74" s="37">
        <v>19075</v>
      </c>
      <c r="BS74" s="38">
        <v>19225</v>
      </c>
      <c r="BT74" s="38">
        <v>5964</v>
      </c>
      <c r="BU74" s="38">
        <v>5965</v>
      </c>
      <c r="BV74" s="47">
        <v>31.3</v>
      </c>
      <c r="BW74" s="39">
        <v>31</v>
      </c>
      <c r="BX74" s="40">
        <v>18863</v>
      </c>
      <c r="BY74" s="38">
        <v>19021</v>
      </c>
      <c r="BZ74" s="38">
        <v>6098</v>
      </c>
      <c r="CA74" s="38">
        <v>6100</v>
      </c>
      <c r="CB74" s="47">
        <v>32.299999999999997</v>
      </c>
      <c r="CC74" s="41">
        <v>32.1</v>
      </c>
      <c r="CD74" s="37">
        <v>18646</v>
      </c>
      <c r="CE74" s="38">
        <v>18819</v>
      </c>
      <c r="CF74" s="38">
        <v>6217</v>
      </c>
      <c r="CG74" s="38">
        <v>6219</v>
      </c>
      <c r="CH74" s="47">
        <v>33.299999999999997</v>
      </c>
      <c r="CI74" s="39">
        <v>33</v>
      </c>
      <c r="CJ74" s="40">
        <v>18346</v>
      </c>
      <c r="CK74" s="38">
        <v>18523</v>
      </c>
      <c r="CL74" s="38">
        <v>6338</v>
      </c>
      <c r="CM74" s="38">
        <v>6341</v>
      </c>
      <c r="CN74" s="47">
        <v>34.5</v>
      </c>
      <c r="CO74" s="41">
        <v>34.200000000000003</v>
      </c>
      <c r="CP74" s="37">
        <v>18019</v>
      </c>
      <c r="CQ74" s="38">
        <v>18205</v>
      </c>
      <c r="CR74" s="38">
        <v>6383</v>
      </c>
      <c r="CS74" s="38">
        <v>6386</v>
      </c>
      <c r="CT74" s="47">
        <v>35.4</v>
      </c>
      <c r="CU74" s="49">
        <v>35.1</v>
      </c>
      <c r="CV74" s="37">
        <v>17648</v>
      </c>
      <c r="CW74" s="38">
        <v>17891</v>
      </c>
      <c r="CX74" s="38">
        <v>6395</v>
      </c>
      <c r="CY74" s="38">
        <v>6399</v>
      </c>
      <c r="CZ74" s="47">
        <f t="shared" si="6"/>
        <v>36.200000000000003</v>
      </c>
      <c r="DA74" s="49">
        <f t="shared" si="7"/>
        <v>35.799999999999997</v>
      </c>
      <c r="DB74" s="37">
        <v>17408</v>
      </c>
      <c r="DC74" s="38">
        <v>17654</v>
      </c>
      <c r="DD74" s="38">
        <v>6447</v>
      </c>
      <c r="DE74" s="38">
        <v>6451</v>
      </c>
      <c r="DF74" s="47">
        <v>37</v>
      </c>
      <c r="DG74" s="49">
        <v>36.5</v>
      </c>
      <c r="DH74" s="37">
        <v>17122</v>
      </c>
      <c r="DI74" s="38">
        <v>17344</v>
      </c>
      <c r="DJ74" s="38">
        <v>6442</v>
      </c>
      <c r="DK74" s="38">
        <v>6447</v>
      </c>
      <c r="DL74" s="47">
        <f t="shared" si="8"/>
        <v>37.624109333021842</v>
      </c>
      <c r="DM74" s="49">
        <f t="shared" si="9"/>
        <v>37.171356088560884</v>
      </c>
      <c r="DN74" s="37">
        <v>16860</v>
      </c>
      <c r="DO74" s="38">
        <v>17050</v>
      </c>
      <c r="DP74" s="38">
        <v>6392</v>
      </c>
      <c r="DQ74" s="38">
        <v>6396</v>
      </c>
      <c r="DR74" s="47">
        <f t="shared" si="10"/>
        <v>37.91221826809015</v>
      </c>
      <c r="DS74" s="49">
        <f t="shared" si="11"/>
        <v>37.513196480938419</v>
      </c>
    </row>
    <row r="75" spans="1:123" x14ac:dyDescent="0.2">
      <c r="A75" s="175" t="s">
        <v>35</v>
      </c>
      <c r="B75" s="176"/>
      <c r="C75" s="121" t="s">
        <v>61</v>
      </c>
      <c r="D75" s="53">
        <v>30391</v>
      </c>
      <c r="E75" s="51">
        <v>4487</v>
      </c>
      <c r="F75" s="52">
        <v>14.8</v>
      </c>
      <c r="G75" s="53">
        <v>30023</v>
      </c>
      <c r="H75" s="51">
        <v>4678</v>
      </c>
      <c r="I75" s="54">
        <v>15.6</v>
      </c>
      <c r="J75" s="50">
        <v>29691</v>
      </c>
      <c r="K75" s="51">
        <v>4757</v>
      </c>
      <c r="L75" s="52">
        <v>16</v>
      </c>
      <c r="M75" s="53">
        <v>29305</v>
      </c>
      <c r="N75" s="51">
        <v>4905</v>
      </c>
      <c r="O75" s="54">
        <v>16.7</v>
      </c>
      <c r="P75" s="50">
        <v>29121</v>
      </c>
      <c r="Q75" s="51">
        <v>5070</v>
      </c>
      <c r="R75" s="52">
        <v>17.399999999999999</v>
      </c>
      <c r="S75" s="53">
        <v>28664</v>
      </c>
      <c r="T75" s="51">
        <v>5219</v>
      </c>
      <c r="U75" s="58">
        <v>18.2</v>
      </c>
      <c r="V75" s="50">
        <v>28444</v>
      </c>
      <c r="W75" s="51">
        <v>5430</v>
      </c>
      <c r="X75" s="55">
        <v>19.100000000000001</v>
      </c>
      <c r="Y75" s="53">
        <v>28189</v>
      </c>
      <c r="Z75" s="51">
        <v>5647</v>
      </c>
      <c r="AA75" s="58">
        <v>20</v>
      </c>
      <c r="AB75" s="50">
        <v>28047</v>
      </c>
      <c r="AC75" s="51">
        <v>5812</v>
      </c>
      <c r="AD75" s="55">
        <v>20.7</v>
      </c>
      <c r="AE75" s="53">
        <v>27691</v>
      </c>
      <c r="AF75" s="51">
        <v>5969</v>
      </c>
      <c r="AG75" s="58">
        <v>21.6</v>
      </c>
      <c r="AH75" s="50">
        <v>27198</v>
      </c>
      <c r="AI75" s="51">
        <v>6079</v>
      </c>
      <c r="AJ75" s="55">
        <v>22.4</v>
      </c>
      <c r="AK75" s="53">
        <v>27057</v>
      </c>
      <c r="AL75" s="51">
        <v>6324</v>
      </c>
      <c r="AM75" s="58">
        <v>23.4</v>
      </c>
      <c r="AN75" s="50">
        <v>26526</v>
      </c>
      <c r="AO75" s="51">
        <v>6485</v>
      </c>
      <c r="AP75" s="55">
        <v>24.4</v>
      </c>
      <c r="AQ75" s="53">
        <v>26017</v>
      </c>
      <c r="AR75" s="51">
        <v>6595</v>
      </c>
      <c r="AS75" s="58">
        <v>25.3</v>
      </c>
      <c r="AT75" s="50">
        <v>25459</v>
      </c>
      <c r="AU75" s="51">
        <v>6751</v>
      </c>
      <c r="AV75" s="55">
        <v>26.5</v>
      </c>
      <c r="AW75" s="53">
        <v>25021</v>
      </c>
      <c r="AX75" s="51">
        <v>6812</v>
      </c>
      <c r="AY75" s="54">
        <v>27.2</v>
      </c>
      <c r="AZ75" s="50">
        <v>24489</v>
      </c>
      <c r="BA75" s="51">
        <v>6875</v>
      </c>
      <c r="BB75" s="55">
        <v>28.1</v>
      </c>
      <c r="BC75" s="53">
        <v>24036</v>
      </c>
      <c r="BD75" s="51">
        <v>6971</v>
      </c>
      <c r="BE75" s="54">
        <v>29</v>
      </c>
      <c r="BF75" s="50">
        <v>23545</v>
      </c>
      <c r="BG75" s="51">
        <v>23641</v>
      </c>
      <c r="BH75" s="51">
        <v>7134</v>
      </c>
      <c r="BI75" s="51">
        <v>7138</v>
      </c>
      <c r="BJ75" s="56">
        <v>30.3</v>
      </c>
      <c r="BK75" s="52">
        <v>30.2</v>
      </c>
      <c r="BL75" s="53">
        <v>23362</v>
      </c>
      <c r="BM75" s="51">
        <v>23451</v>
      </c>
      <c r="BN75" s="51">
        <v>7224</v>
      </c>
      <c r="BO75" s="51">
        <v>7228</v>
      </c>
      <c r="BP75" s="57">
        <v>30.9</v>
      </c>
      <c r="BQ75" s="58">
        <v>30.8</v>
      </c>
      <c r="BR75" s="50">
        <v>22867</v>
      </c>
      <c r="BS75" s="51">
        <v>22957</v>
      </c>
      <c r="BT75" s="51">
        <v>7388</v>
      </c>
      <c r="BU75" s="51">
        <v>7392</v>
      </c>
      <c r="BV75" s="57">
        <v>32.299999999999997</v>
      </c>
      <c r="BW75" s="52">
        <v>32.200000000000003</v>
      </c>
      <c r="BX75" s="53">
        <v>22412</v>
      </c>
      <c r="BY75" s="51">
        <v>22503</v>
      </c>
      <c r="BZ75" s="51">
        <v>7500</v>
      </c>
      <c r="CA75" s="51">
        <v>7503</v>
      </c>
      <c r="CB75" s="57">
        <v>33.5</v>
      </c>
      <c r="CC75" s="54">
        <v>33.299999999999997</v>
      </c>
      <c r="CD75" s="93">
        <v>22035</v>
      </c>
      <c r="CE75" s="51">
        <v>22137</v>
      </c>
      <c r="CF75" s="72">
        <v>7608</v>
      </c>
      <c r="CG75" s="51">
        <v>7611</v>
      </c>
      <c r="CH75" s="57">
        <v>34.5</v>
      </c>
      <c r="CI75" s="52">
        <v>34.4</v>
      </c>
      <c r="CJ75" s="53">
        <v>21628</v>
      </c>
      <c r="CK75" s="51">
        <v>21757</v>
      </c>
      <c r="CL75" s="51">
        <v>7690</v>
      </c>
      <c r="CM75" s="51">
        <v>7694</v>
      </c>
      <c r="CN75" s="57">
        <v>35.6</v>
      </c>
      <c r="CO75" s="54">
        <v>35.4</v>
      </c>
      <c r="CP75" s="50">
        <v>21179</v>
      </c>
      <c r="CQ75" s="51">
        <v>21310</v>
      </c>
      <c r="CR75" s="51">
        <v>7721</v>
      </c>
      <c r="CS75" s="51">
        <v>7726</v>
      </c>
      <c r="CT75" s="57">
        <v>36.5</v>
      </c>
      <c r="CU75" s="61">
        <v>36.299999999999997</v>
      </c>
      <c r="CV75" s="50">
        <v>20569</v>
      </c>
      <c r="CW75" s="51">
        <v>20715</v>
      </c>
      <c r="CX75" s="51">
        <v>7663</v>
      </c>
      <c r="CY75" s="51">
        <v>7668</v>
      </c>
      <c r="CZ75" s="21">
        <f t="shared" si="6"/>
        <v>37.299999999999997</v>
      </c>
      <c r="DA75" s="23">
        <f t="shared" si="7"/>
        <v>37</v>
      </c>
      <c r="DB75" s="50">
        <v>20121</v>
      </c>
      <c r="DC75" s="51">
        <v>20257</v>
      </c>
      <c r="DD75" s="51">
        <v>7614</v>
      </c>
      <c r="DE75" s="51">
        <v>7619</v>
      </c>
      <c r="DF75" s="21">
        <v>37.799999999999997</v>
      </c>
      <c r="DG75" s="23">
        <v>37.6</v>
      </c>
      <c r="DH75" s="50">
        <v>19628</v>
      </c>
      <c r="DI75" s="51">
        <v>19739</v>
      </c>
      <c r="DJ75" s="51">
        <v>7526</v>
      </c>
      <c r="DK75" s="51">
        <v>7530</v>
      </c>
      <c r="DL75" s="21">
        <f t="shared" si="8"/>
        <v>38.34318320766252</v>
      </c>
      <c r="DM75" s="23">
        <f t="shared" si="9"/>
        <v>38.14782917067734</v>
      </c>
      <c r="DN75" s="50">
        <v>19072</v>
      </c>
      <c r="DO75" s="51">
        <v>19234</v>
      </c>
      <c r="DP75" s="51">
        <v>7411</v>
      </c>
      <c r="DQ75" s="51">
        <v>7415</v>
      </c>
      <c r="DR75" s="21">
        <f t="shared" si="10"/>
        <v>38.85801174496644</v>
      </c>
      <c r="DS75" s="23">
        <f t="shared" si="11"/>
        <v>38.551523344078191</v>
      </c>
    </row>
    <row r="76" spans="1:123" x14ac:dyDescent="0.2">
      <c r="A76" s="175"/>
      <c r="B76" s="176"/>
      <c r="C76" s="123" t="s">
        <v>62</v>
      </c>
      <c r="D76" s="27">
        <v>14691</v>
      </c>
      <c r="E76" s="25">
        <v>1840</v>
      </c>
      <c r="F76" s="26">
        <v>12.5</v>
      </c>
      <c r="G76" s="27">
        <v>14530</v>
      </c>
      <c r="H76" s="25">
        <v>1945</v>
      </c>
      <c r="I76" s="28">
        <v>13.4</v>
      </c>
      <c r="J76" s="24">
        <v>14411</v>
      </c>
      <c r="K76" s="25">
        <v>1993</v>
      </c>
      <c r="L76" s="26">
        <v>13.8</v>
      </c>
      <c r="M76" s="27">
        <v>14232</v>
      </c>
      <c r="N76" s="25">
        <v>2060</v>
      </c>
      <c r="O76" s="28">
        <v>14.5</v>
      </c>
      <c r="P76" s="24">
        <v>14154</v>
      </c>
      <c r="Q76" s="25">
        <v>2158</v>
      </c>
      <c r="R76" s="26">
        <v>15.2</v>
      </c>
      <c r="S76" s="27">
        <v>13891</v>
      </c>
      <c r="T76" s="25">
        <v>2221</v>
      </c>
      <c r="U76" s="62">
        <v>16</v>
      </c>
      <c r="V76" s="24">
        <v>13784</v>
      </c>
      <c r="W76" s="25">
        <v>2308</v>
      </c>
      <c r="X76" s="63">
        <v>16.7</v>
      </c>
      <c r="Y76" s="27">
        <v>13629</v>
      </c>
      <c r="Z76" s="25">
        <v>2404</v>
      </c>
      <c r="AA76" s="62">
        <v>17.600000000000001</v>
      </c>
      <c r="AB76" s="24">
        <v>13632</v>
      </c>
      <c r="AC76" s="25">
        <v>2471</v>
      </c>
      <c r="AD76" s="63">
        <v>18.100000000000001</v>
      </c>
      <c r="AE76" s="27">
        <v>13495</v>
      </c>
      <c r="AF76" s="25">
        <v>2539</v>
      </c>
      <c r="AG76" s="62">
        <v>18.8</v>
      </c>
      <c r="AH76" s="24">
        <v>13240</v>
      </c>
      <c r="AI76" s="25">
        <v>2571</v>
      </c>
      <c r="AJ76" s="63">
        <v>19.399999999999999</v>
      </c>
      <c r="AK76" s="27">
        <v>13125</v>
      </c>
      <c r="AL76" s="25">
        <v>2655</v>
      </c>
      <c r="AM76" s="62">
        <v>20.2</v>
      </c>
      <c r="AN76" s="24">
        <v>12884</v>
      </c>
      <c r="AO76" s="25">
        <v>2703</v>
      </c>
      <c r="AP76" s="63">
        <v>21</v>
      </c>
      <c r="AQ76" s="27">
        <v>12567</v>
      </c>
      <c r="AR76" s="25">
        <v>2754</v>
      </c>
      <c r="AS76" s="62">
        <v>21.9</v>
      </c>
      <c r="AT76" s="24">
        <v>12229</v>
      </c>
      <c r="AU76" s="25">
        <v>2812</v>
      </c>
      <c r="AV76" s="63">
        <v>23</v>
      </c>
      <c r="AW76" s="27">
        <v>12000</v>
      </c>
      <c r="AX76" s="25">
        <v>2818</v>
      </c>
      <c r="AY76" s="28">
        <v>23.5</v>
      </c>
      <c r="AZ76" s="24">
        <v>11729</v>
      </c>
      <c r="BA76" s="25">
        <v>2826</v>
      </c>
      <c r="BB76" s="63">
        <v>24.1</v>
      </c>
      <c r="BC76" s="27">
        <v>11526</v>
      </c>
      <c r="BD76" s="25">
        <v>2860</v>
      </c>
      <c r="BE76" s="28">
        <v>24.8</v>
      </c>
      <c r="BF76" s="24">
        <v>11242</v>
      </c>
      <c r="BG76" s="25">
        <v>11256</v>
      </c>
      <c r="BH76" s="25">
        <v>2926</v>
      </c>
      <c r="BI76" s="25">
        <v>2929</v>
      </c>
      <c r="BJ76" s="64">
        <v>26</v>
      </c>
      <c r="BK76" s="26">
        <v>26</v>
      </c>
      <c r="BL76" s="27">
        <v>11193</v>
      </c>
      <c r="BM76" s="25">
        <v>11204</v>
      </c>
      <c r="BN76" s="25">
        <v>2975</v>
      </c>
      <c r="BO76" s="25">
        <v>2978</v>
      </c>
      <c r="BP76" s="34">
        <v>26.6</v>
      </c>
      <c r="BQ76" s="62">
        <v>26.6</v>
      </c>
      <c r="BR76" s="24">
        <v>10944</v>
      </c>
      <c r="BS76" s="25">
        <v>10958</v>
      </c>
      <c r="BT76" s="25">
        <v>3041</v>
      </c>
      <c r="BU76" s="25">
        <v>3044</v>
      </c>
      <c r="BV76" s="34">
        <v>27.8</v>
      </c>
      <c r="BW76" s="26">
        <v>27.8</v>
      </c>
      <c r="BX76" s="27">
        <v>10701</v>
      </c>
      <c r="BY76" s="25">
        <v>10714</v>
      </c>
      <c r="BZ76" s="25">
        <v>3075</v>
      </c>
      <c r="CA76" s="25">
        <v>3077</v>
      </c>
      <c r="CB76" s="34">
        <v>28.7</v>
      </c>
      <c r="CC76" s="28">
        <v>28.7</v>
      </c>
      <c r="CD76" s="94">
        <v>10550</v>
      </c>
      <c r="CE76" s="25">
        <v>10562</v>
      </c>
      <c r="CF76" s="73">
        <v>3118</v>
      </c>
      <c r="CG76" s="25">
        <v>3120</v>
      </c>
      <c r="CH76" s="34">
        <v>29.6</v>
      </c>
      <c r="CI76" s="26">
        <v>29.5</v>
      </c>
      <c r="CJ76" s="27">
        <v>10366</v>
      </c>
      <c r="CK76" s="25">
        <v>10393</v>
      </c>
      <c r="CL76" s="25">
        <v>3131</v>
      </c>
      <c r="CM76" s="25">
        <v>3134</v>
      </c>
      <c r="CN76" s="34">
        <v>30.2</v>
      </c>
      <c r="CO76" s="28">
        <v>30.2</v>
      </c>
      <c r="CP76" s="24">
        <v>10144</v>
      </c>
      <c r="CQ76" s="25">
        <v>10172</v>
      </c>
      <c r="CR76" s="25">
        <v>3133</v>
      </c>
      <c r="CS76" s="25">
        <v>3136</v>
      </c>
      <c r="CT76" s="34">
        <v>30.9</v>
      </c>
      <c r="CU76" s="36">
        <v>30.8</v>
      </c>
      <c r="CV76" s="24">
        <v>9880</v>
      </c>
      <c r="CW76" s="25">
        <v>9917</v>
      </c>
      <c r="CX76" s="25">
        <v>3101</v>
      </c>
      <c r="CY76" s="25">
        <v>3104</v>
      </c>
      <c r="CZ76" s="34">
        <f t="shared" si="6"/>
        <v>31.4</v>
      </c>
      <c r="DA76" s="36">
        <f t="shared" si="7"/>
        <v>31.3</v>
      </c>
      <c r="DB76" s="24">
        <v>9656</v>
      </c>
      <c r="DC76" s="25">
        <v>9698</v>
      </c>
      <c r="DD76" s="25">
        <v>3076</v>
      </c>
      <c r="DE76" s="25">
        <v>3079</v>
      </c>
      <c r="DF76" s="34">
        <v>31.9</v>
      </c>
      <c r="DG76" s="36">
        <v>31.7</v>
      </c>
      <c r="DH76" s="24">
        <v>9459</v>
      </c>
      <c r="DI76" s="25">
        <v>9504</v>
      </c>
      <c r="DJ76" s="25">
        <v>3037</v>
      </c>
      <c r="DK76" s="25">
        <v>3039</v>
      </c>
      <c r="DL76" s="34">
        <f t="shared" si="8"/>
        <v>32.106988053705464</v>
      </c>
      <c r="DM76" s="36">
        <f t="shared" si="9"/>
        <v>31.9760101010101</v>
      </c>
      <c r="DN76" s="24">
        <v>9216</v>
      </c>
      <c r="DO76" s="25">
        <v>9293</v>
      </c>
      <c r="DP76" s="25">
        <v>3015</v>
      </c>
      <c r="DQ76" s="25">
        <v>3017</v>
      </c>
      <c r="DR76" s="34">
        <f t="shared" si="10"/>
        <v>32.71484375</v>
      </c>
      <c r="DS76" s="36">
        <f t="shared" si="11"/>
        <v>32.465296459700852</v>
      </c>
    </row>
    <row r="77" spans="1:123" x14ac:dyDescent="0.2">
      <c r="A77" s="175"/>
      <c r="B77" s="176"/>
      <c r="C77" s="122" t="s">
        <v>63</v>
      </c>
      <c r="D77" s="40">
        <v>15700</v>
      </c>
      <c r="E77" s="38">
        <v>2647</v>
      </c>
      <c r="F77" s="39">
        <v>16.899999999999999</v>
      </c>
      <c r="G77" s="40">
        <v>15493</v>
      </c>
      <c r="H77" s="38">
        <v>2733</v>
      </c>
      <c r="I77" s="41">
        <v>17.600000000000001</v>
      </c>
      <c r="J77" s="37">
        <v>15280</v>
      </c>
      <c r="K77" s="38">
        <v>2764</v>
      </c>
      <c r="L77" s="39">
        <v>18.100000000000001</v>
      </c>
      <c r="M77" s="40">
        <v>15073</v>
      </c>
      <c r="N77" s="38">
        <v>2845</v>
      </c>
      <c r="O77" s="41">
        <v>18.899999999999999</v>
      </c>
      <c r="P77" s="37">
        <v>14967</v>
      </c>
      <c r="Q77" s="38">
        <v>2912</v>
      </c>
      <c r="R77" s="39">
        <v>19.5</v>
      </c>
      <c r="S77" s="40">
        <v>14773</v>
      </c>
      <c r="T77" s="38">
        <v>2998</v>
      </c>
      <c r="U77" s="67">
        <v>20.3</v>
      </c>
      <c r="V77" s="37">
        <v>14660</v>
      </c>
      <c r="W77" s="38">
        <v>3122</v>
      </c>
      <c r="X77" s="68">
        <v>21.3</v>
      </c>
      <c r="Y77" s="40">
        <v>14560</v>
      </c>
      <c r="Z77" s="38">
        <v>3243</v>
      </c>
      <c r="AA77" s="67">
        <v>22.3</v>
      </c>
      <c r="AB77" s="37">
        <v>14415</v>
      </c>
      <c r="AC77" s="38">
        <v>3341</v>
      </c>
      <c r="AD77" s="68">
        <v>23.2</v>
      </c>
      <c r="AE77" s="40">
        <v>14196</v>
      </c>
      <c r="AF77" s="38">
        <v>3430</v>
      </c>
      <c r="AG77" s="67">
        <v>24.2</v>
      </c>
      <c r="AH77" s="37">
        <v>13958</v>
      </c>
      <c r="AI77" s="38">
        <v>3508</v>
      </c>
      <c r="AJ77" s="68">
        <v>25.1</v>
      </c>
      <c r="AK77" s="40">
        <v>13932</v>
      </c>
      <c r="AL77" s="38">
        <v>3669</v>
      </c>
      <c r="AM77" s="67">
        <v>26.3</v>
      </c>
      <c r="AN77" s="37">
        <v>13642</v>
      </c>
      <c r="AO77" s="38">
        <v>3782</v>
      </c>
      <c r="AP77" s="68">
        <v>27.7</v>
      </c>
      <c r="AQ77" s="40">
        <v>13450</v>
      </c>
      <c r="AR77" s="38">
        <v>3841</v>
      </c>
      <c r="AS77" s="67">
        <v>28.6</v>
      </c>
      <c r="AT77" s="37">
        <v>13230</v>
      </c>
      <c r="AU77" s="38">
        <v>3939</v>
      </c>
      <c r="AV77" s="68">
        <v>29.8</v>
      </c>
      <c r="AW77" s="40">
        <v>13021</v>
      </c>
      <c r="AX77" s="38">
        <v>3994</v>
      </c>
      <c r="AY77" s="41">
        <v>30.7</v>
      </c>
      <c r="AZ77" s="37">
        <v>12760</v>
      </c>
      <c r="BA77" s="38">
        <v>4049</v>
      </c>
      <c r="BB77" s="68">
        <v>31.7</v>
      </c>
      <c r="BC77" s="40">
        <v>12510</v>
      </c>
      <c r="BD77" s="38">
        <v>4111</v>
      </c>
      <c r="BE77" s="41">
        <v>32.9</v>
      </c>
      <c r="BF77" s="37">
        <v>12303</v>
      </c>
      <c r="BG77" s="38">
        <v>12385</v>
      </c>
      <c r="BH77" s="38">
        <v>4208</v>
      </c>
      <c r="BI77" s="38">
        <v>4209</v>
      </c>
      <c r="BJ77" s="69">
        <v>34.200000000000003</v>
      </c>
      <c r="BK77" s="39">
        <v>34</v>
      </c>
      <c r="BL77" s="40">
        <v>12169</v>
      </c>
      <c r="BM77" s="38">
        <v>12247</v>
      </c>
      <c r="BN77" s="38">
        <v>4249</v>
      </c>
      <c r="BO77" s="38">
        <v>4250</v>
      </c>
      <c r="BP77" s="47">
        <v>34.9</v>
      </c>
      <c r="BQ77" s="67">
        <v>34.700000000000003</v>
      </c>
      <c r="BR77" s="37">
        <v>11923</v>
      </c>
      <c r="BS77" s="38">
        <v>11999</v>
      </c>
      <c r="BT77" s="38">
        <v>4347</v>
      </c>
      <c r="BU77" s="38">
        <v>4348</v>
      </c>
      <c r="BV77" s="47">
        <v>36.5</v>
      </c>
      <c r="BW77" s="39">
        <v>36.200000000000003</v>
      </c>
      <c r="BX77" s="40">
        <v>11711</v>
      </c>
      <c r="BY77" s="38">
        <v>11789</v>
      </c>
      <c r="BZ77" s="38">
        <v>4425</v>
      </c>
      <c r="CA77" s="38">
        <v>4426</v>
      </c>
      <c r="CB77" s="47">
        <v>37.799999999999997</v>
      </c>
      <c r="CC77" s="41">
        <v>37.5</v>
      </c>
      <c r="CD77" s="95">
        <v>11485</v>
      </c>
      <c r="CE77" s="38">
        <v>11575</v>
      </c>
      <c r="CF77" s="74">
        <v>4490</v>
      </c>
      <c r="CG77" s="38">
        <v>4491</v>
      </c>
      <c r="CH77" s="47">
        <v>39.1</v>
      </c>
      <c r="CI77" s="39">
        <v>38.799999999999997</v>
      </c>
      <c r="CJ77" s="40">
        <v>11262</v>
      </c>
      <c r="CK77" s="38">
        <v>11364</v>
      </c>
      <c r="CL77" s="38">
        <v>4559</v>
      </c>
      <c r="CM77" s="38">
        <v>4560</v>
      </c>
      <c r="CN77" s="47">
        <v>40.5</v>
      </c>
      <c r="CO77" s="41">
        <v>40.1</v>
      </c>
      <c r="CP77" s="37">
        <v>11035</v>
      </c>
      <c r="CQ77" s="38">
        <v>11138</v>
      </c>
      <c r="CR77" s="38">
        <v>4588</v>
      </c>
      <c r="CS77" s="38">
        <v>4590</v>
      </c>
      <c r="CT77" s="47">
        <v>41.6</v>
      </c>
      <c r="CU77" s="49">
        <v>41.2</v>
      </c>
      <c r="CV77" s="37">
        <v>10689</v>
      </c>
      <c r="CW77" s="38">
        <v>10798</v>
      </c>
      <c r="CX77" s="38">
        <v>4562</v>
      </c>
      <c r="CY77" s="38">
        <v>4564</v>
      </c>
      <c r="CZ77" s="47">
        <f t="shared" si="6"/>
        <v>42.7</v>
      </c>
      <c r="DA77" s="49">
        <f t="shared" si="7"/>
        <v>42.3</v>
      </c>
      <c r="DB77" s="37">
        <v>10465</v>
      </c>
      <c r="DC77" s="38">
        <v>10559</v>
      </c>
      <c r="DD77" s="38">
        <v>4538</v>
      </c>
      <c r="DE77" s="38">
        <v>4540</v>
      </c>
      <c r="DF77" s="47">
        <v>43.4</v>
      </c>
      <c r="DG77" s="49">
        <v>43</v>
      </c>
      <c r="DH77" s="37">
        <v>10169</v>
      </c>
      <c r="DI77" s="38">
        <v>10235</v>
      </c>
      <c r="DJ77" s="38">
        <v>4489</v>
      </c>
      <c r="DK77" s="38">
        <v>4491</v>
      </c>
      <c r="DL77" s="47">
        <f t="shared" si="8"/>
        <v>44.143966958402991</v>
      </c>
      <c r="DM77" s="23">
        <f t="shared" si="9"/>
        <v>43.878847093307279</v>
      </c>
      <c r="DN77" s="37">
        <v>9856</v>
      </c>
      <c r="DO77" s="38">
        <v>9941</v>
      </c>
      <c r="DP77" s="38">
        <v>4396</v>
      </c>
      <c r="DQ77" s="38">
        <v>4398</v>
      </c>
      <c r="DR77" s="47">
        <f t="shared" si="10"/>
        <v>44.602272727272727</v>
      </c>
      <c r="DS77" s="23">
        <f t="shared" si="11"/>
        <v>44.241022029976861</v>
      </c>
    </row>
    <row r="78" spans="1:123" x14ac:dyDescent="0.2">
      <c r="A78" s="175" t="s">
        <v>36</v>
      </c>
      <c r="B78" s="176"/>
      <c r="C78" s="121" t="s">
        <v>61</v>
      </c>
      <c r="D78" s="53">
        <v>168201</v>
      </c>
      <c r="E78" s="51">
        <v>19112</v>
      </c>
      <c r="F78" s="52">
        <v>11.4</v>
      </c>
      <c r="G78" s="53">
        <v>169742</v>
      </c>
      <c r="H78" s="51">
        <v>20226</v>
      </c>
      <c r="I78" s="54">
        <v>11.9</v>
      </c>
      <c r="J78" s="50">
        <v>170602</v>
      </c>
      <c r="K78" s="51">
        <v>21306</v>
      </c>
      <c r="L78" s="52">
        <v>12.5</v>
      </c>
      <c r="M78" s="53">
        <v>171258</v>
      </c>
      <c r="N78" s="51">
        <v>22447</v>
      </c>
      <c r="O78" s="54">
        <v>13.1</v>
      </c>
      <c r="P78" s="50">
        <v>172083</v>
      </c>
      <c r="Q78" s="51">
        <v>23402</v>
      </c>
      <c r="R78" s="52">
        <v>13.6</v>
      </c>
      <c r="S78" s="53">
        <v>172009</v>
      </c>
      <c r="T78" s="51">
        <v>24441</v>
      </c>
      <c r="U78" s="58">
        <v>14.2</v>
      </c>
      <c r="V78" s="50">
        <v>172201</v>
      </c>
      <c r="W78" s="51">
        <v>25734</v>
      </c>
      <c r="X78" s="55">
        <v>14.9</v>
      </c>
      <c r="Y78" s="53">
        <v>172192</v>
      </c>
      <c r="Z78" s="51">
        <v>26822</v>
      </c>
      <c r="AA78" s="58">
        <v>15.6</v>
      </c>
      <c r="AB78" s="50">
        <v>172022</v>
      </c>
      <c r="AC78" s="51">
        <v>27896</v>
      </c>
      <c r="AD78" s="55">
        <v>16.2</v>
      </c>
      <c r="AE78" s="53">
        <v>172059</v>
      </c>
      <c r="AF78" s="51">
        <v>28940</v>
      </c>
      <c r="AG78" s="58">
        <v>16.8</v>
      </c>
      <c r="AH78" s="50">
        <v>172525</v>
      </c>
      <c r="AI78" s="51">
        <v>29997</v>
      </c>
      <c r="AJ78" s="55">
        <v>17.399999999999999</v>
      </c>
      <c r="AK78" s="53">
        <v>173216</v>
      </c>
      <c r="AL78" s="51">
        <v>31141</v>
      </c>
      <c r="AM78" s="58">
        <v>18</v>
      </c>
      <c r="AN78" s="50">
        <v>173322</v>
      </c>
      <c r="AO78" s="51">
        <v>32390</v>
      </c>
      <c r="AP78" s="55">
        <v>18.7</v>
      </c>
      <c r="AQ78" s="53">
        <v>173502</v>
      </c>
      <c r="AR78" s="51">
        <v>33435</v>
      </c>
      <c r="AS78" s="58">
        <v>19.3</v>
      </c>
      <c r="AT78" s="50">
        <v>173572</v>
      </c>
      <c r="AU78" s="51">
        <v>34788</v>
      </c>
      <c r="AV78" s="55">
        <v>20</v>
      </c>
      <c r="AW78" s="53">
        <v>173812</v>
      </c>
      <c r="AX78" s="51">
        <v>35772</v>
      </c>
      <c r="AY78" s="54">
        <v>20.6</v>
      </c>
      <c r="AZ78" s="50">
        <v>173800</v>
      </c>
      <c r="BA78" s="51">
        <v>36533</v>
      </c>
      <c r="BB78" s="55">
        <v>21</v>
      </c>
      <c r="BC78" s="53">
        <v>173761</v>
      </c>
      <c r="BD78" s="51">
        <v>37797</v>
      </c>
      <c r="BE78" s="54">
        <v>21.8</v>
      </c>
      <c r="BF78" s="50">
        <v>173474</v>
      </c>
      <c r="BG78" s="51">
        <v>173912</v>
      </c>
      <c r="BH78" s="51">
        <v>39535</v>
      </c>
      <c r="BI78" s="51">
        <v>39583</v>
      </c>
      <c r="BJ78" s="56">
        <v>22.8</v>
      </c>
      <c r="BK78" s="52">
        <v>22.8</v>
      </c>
      <c r="BL78" s="53">
        <v>174024</v>
      </c>
      <c r="BM78" s="51">
        <v>174469</v>
      </c>
      <c r="BN78" s="51">
        <v>40746</v>
      </c>
      <c r="BO78" s="51">
        <v>40795</v>
      </c>
      <c r="BP78" s="57">
        <v>23.4</v>
      </c>
      <c r="BQ78" s="58">
        <v>23.4</v>
      </c>
      <c r="BR78" s="50">
        <v>173632</v>
      </c>
      <c r="BS78" s="51">
        <v>174064</v>
      </c>
      <c r="BT78" s="51">
        <v>42775</v>
      </c>
      <c r="BU78" s="51">
        <v>42825</v>
      </c>
      <c r="BV78" s="57">
        <v>24.6</v>
      </c>
      <c r="BW78" s="52">
        <v>24.6</v>
      </c>
      <c r="BX78" s="53">
        <v>173317</v>
      </c>
      <c r="BY78" s="51">
        <v>173794</v>
      </c>
      <c r="BZ78" s="51">
        <v>44410</v>
      </c>
      <c r="CA78" s="51">
        <v>44462</v>
      </c>
      <c r="CB78" s="57">
        <v>25.6</v>
      </c>
      <c r="CC78" s="54">
        <v>25.6</v>
      </c>
      <c r="CD78" s="50">
        <v>172623</v>
      </c>
      <c r="CE78" s="51">
        <v>173135</v>
      </c>
      <c r="CF78" s="51">
        <v>45952</v>
      </c>
      <c r="CG78" s="51">
        <v>46009</v>
      </c>
      <c r="CH78" s="57">
        <v>26.6</v>
      </c>
      <c r="CI78" s="52">
        <v>26.6</v>
      </c>
      <c r="CJ78" s="53">
        <v>171846</v>
      </c>
      <c r="CK78" s="51">
        <v>172373</v>
      </c>
      <c r="CL78" s="51">
        <v>47353</v>
      </c>
      <c r="CM78" s="51">
        <v>47410</v>
      </c>
      <c r="CN78" s="57">
        <v>27.6</v>
      </c>
      <c r="CO78" s="54">
        <v>27.5</v>
      </c>
      <c r="CP78" s="50">
        <v>171216</v>
      </c>
      <c r="CQ78" s="51">
        <v>171811</v>
      </c>
      <c r="CR78" s="51">
        <v>48545</v>
      </c>
      <c r="CS78" s="51">
        <v>48603</v>
      </c>
      <c r="CT78" s="57">
        <v>28.4</v>
      </c>
      <c r="CU78" s="61">
        <v>28.3</v>
      </c>
      <c r="CV78" s="50">
        <v>170519</v>
      </c>
      <c r="CW78" s="51">
        <v>171242</v>
      </c>
      <c r="CX78" s="51">
        <v>49308</v>
      </c>
      <c r="CY78" s="51">
        <v>49365</v>
      </c>
      <c r="CZ78" s="21">
        <f t="shared" si="6"/>
        <v>28.9</v>
      </c>
      <c r="DA78" s="23">
        <f t="shared" si="7"/>
        <v>28.8</v>
      </c>
      <c r="DB78" s="50">
        <v>169384</v>
      </c>
      <c r="DC78" s="51">
        <v>170205</v>
      </c>
      <c r="DD78" s="51">
        <v>49918</v>
      </c>
      <c r="DE78" s="51">
        <v>49973</v>
      </c>
      <c r="DF78" s="21">
        <v>29.5</v>
      </c>
      <c r="DG78" s="23">
        <v>29.4</v>
      </c>
      <c r="DH78" s="50">
        <v>168695</v>
      </c>
      <c r="DI78" s="51">
        <v>169528</v>
      </c>
      <c r="DJ78" s="51">
        <v>50485</v>
      </c>
      <c r="DK78" s="51">
        <v>50538</v>
      </c>
      <c r="DL78" s="21">
        <f t="shared" si="8"/>
        <v>29.926790954088737</v>
      </c>
      <c r="DM78" s="61">
        <f t="shared" si="9"/>
        <v>29.811004671794628</v>
      </c>
      <c r="DN78" s="50">
        <v>167280</v>
      </c>
      <c r="DO78" s="51">
        <v>168299</v>
      </c>
      <c r="DP78" s="51">
        <v>50579</v>
      </c>
      <c r="DQ78" s="51">
        <v>50634</v>
      </c>
      <c r="DR78" s="21">
        <f t="shared" si="10"/>
        <v>30.236131037780968</v>
      </c>
      <c r="DS78" s="61">
        <f t="shared" si="11"/>
        <v>30.085740259894596</v>
      </c>
    </row>
    <row r="79" spans="1:123" x14ac:dyDescent="0.2">
      <c r="A79" s="175"/>
      <c r="B79" s="176"/>
      <c r="C79" s="123" t="s">
        <v>62</v>
      </c>
      <c r="D79" s="27">
        <v>82297</v>
      </c>
      <c r="E79" s="25">
        <v>8231</v>
      </c>
      <c r="F79" s="26">
        <v>10</v>
      </c>
      <c r="G79" s="27">
        <v>83122</v>
      </c>
      <c r="H79" s="25">
        <v>8696</v>
      </c>
      <c r="I79" s="28">
        <v>10.5</v>
      </c>
      <c r="J79" s="24">
        <v>83537</v>
      </c>
      <c r="K79" s="25">
        <v>9149</v>
      </c>
      <c r="L79" s="26">
        <v>11</v>
      </c>
      <c r="M79" s="27">
        <v>83818</v>
      </c>
      <c r="N79" s="25">
        <v>9659</v>
      </c>
      <c r="O79" s="28">
        <v>11.5</v>
      </c>
      <c r="P79" s="24">
        <v>84345</v>
      </c>
      <c r="Q79" s="25">
        <v>10091</v>
      </c>
      <c r="R79" s="26">
        <v>12</v>
      </c>
      <c r="S79" s="27">
        <v>84263</v>
      </c>
      <c r="T79" s="25">
        <v>10547</v>
      </c>
      <c r="U79" s="62">
        <v>12.5</v>
      </c>
      <c r="V79" s="24">
        <v>84202</v>
      </c>
      <c r="W79" s="25">
        <v>11077</v>
      </c>
      <c r="X79" s="63">
        <v>13.2</v>
      </c>
      <c r="Y79" s="27">
        <v>84118</v>
      </c>
      <c r="Z79" s="25">
        <v>11548</v>
      </c>
      <c r="AA79" s="62">
        <v>13.7</v>
      </c>
      <c r="AB79" s="24">
        <v>83999</v>
      </c>
      <c r="AC79" s="25">
        <v>12058</v>
      </c>
      <c r="AD79" s="63">
        <v>14.4</v>
      </c>
      <c r="AE79" s="27">
        <v>84016</v>
      </c>
      <c r="AF79" s="25">
        <v>12473</v>
      </c>
      <c r="AG79" s="62">
        <v>14.8</v>
      </c>
      <c r="AH79" s="24">
        <v>84379</v>
      </c>
      <c r="AI79" s="25">
        <v>12890</v>
      </c>
      <c r="AJ79" s="63">
        <v>15.3</v>
      </c>
      <c r="AK79" s="27">
        <v>84630</v>
      </c>
      <c r="AL79" s="25">
        <v>13359</v>
      </c>
      <c r="AM79" s="62">
        <v>15.8</v>
      </c>
      <c r="AN79" s="24">
        <v>84703</v>
      </c>
      <c r="AO79" s="25">
        <v>13869</v>
      </c>
      <c r="AP79" s="63">
        <v>16.399999999999999</v>
      </c>
      <c r="AQ79" s="27">
        <v>84797</v>
      </c>
      <c r="AR79" s="25">
        <v>14303</v>
      </c>
      <c r="AS79" s="62">
        <v>16.899999999999999</v>
      </c>
      <c r="AT79" s="24">
        <v>84783</v>
      </c>
      <c r="AU79" s="25">
        <v>14936</v>
      </c>
      <c r="AV79" s="63">
        <v>17.600000000000001</v>
      </c>
      <c r="AW79" s="27">
        <v>84826</v>
      </c>
      <c r="AX79" s="25">
        <v>15358</v>
      </c>
      <c r="AY79" s="28">
        <v>18.100000000000001</v>
      </c>
      <c r="AZ79" s="24">
        <v>84754</v>
      </c>
      <c r="BA79" s="25">
        <v>15659</v>
      </c>
      <c r="BB79" s="63">
        <v>18.5</v>
      </c>
      <c r="BC79" s="27">
        <v>84740</v>
      </c>
      <c r="BD79" s="25">
        <v>16247</v>
      </c>
      <c r="BE79" s="28">
        <v>19.2</v>
      </c>
      <c r="BF79" s="24">
        <v>84595</v>
      </c>
      <c r="BG79" s="25">
        <v>84804</v>
      </c>
      <c r="BH79" s="25">
        <v>17003</v>
      </c>
      <c r="BI79" s="25">
        <v>17025</v>
      </c>
      <c r="BJ79" s="64">
        <v>20.100000000000001</v>
      </c>
      <c r="BK79" s="26">
        <v>20.100000000000001</v>
      </c>
      <c r="BL79" s="27">
        <v>84926</v>
      </c>
      <c r="BM79" s="25">
        <v>85138</v>
      </c>
      <c r="BN79" s="25">
        <v>17540</v>
      </c>
      <c r="BO79" s="25">
        <v>17562</v>
      </c>
      <c r="BP79" s="34">
        <v>20.7</v>
      </c>
      <c r="BQ79" s="62">
        <v>20.6</v>
      </c>
      <c r="BR79" s="24">
        <v>84740</v>
      </c>
      <c r="BS79" s="25">
        <v>84950</v>
      </c>
      <c r="BT79" s="25">
        <v>18487</v>
      </c>
      <c r="BU79" s="25">
        <v>18509</v>
      </c>
      <c r="BV79" s="34">
        <v>21.8</v>
      </c>
      <c r="BW79" s="26">
        <v>21.8</v>
      </c>
      <c r="BX79" s="27">
        <v>84614</v>
      </c>
      <c r="BY79" s="25">
        <v>84849</v>
      </c>
      <c r="BZ79" s="25">
        <v>19177</v>
      </c>
      <c r="CA79" s="25">
        <v>19200</v>
      </c>
      <c r="CB79" s="34">
        <v>22.7</v>
      </c>
      <c r="CC79" s="28">
        <v>22.6</v>
      </c>
      <c r="CD79" s="24">
        <v>84124</v>
      </c>
      <c r="CE79" s="25">
        <v>84375</v>
      </c>
      <c r="CF79" s="25">
        <v>19878</v>
      </c>
      <c r="CG79" s="25">
        <v>19903</v>
      </c>
      <c r="CH79" s="34">
        <v>23.6</v>
      </c>
      <c r="CI79" s="26">
        <v>23.6</v>
      </c>
      <c r="CJ79" s="27">
        <v>83801</v>
      </c>
      <c r="CK79" s="25">
        <v>84073</v>
      </c>
      <c r="CL79" s="25">
        <v>20513</v>
      </c>
      <c r="CM79" s="25">
        <v>20536</v>
      </c>
      <c r="CN79" s="34">
        <v>24.5</v>
      </c>
      <c r="CO79" s="28">
        <v>24.4</v>
      </c>
      <c r="CP79" s="24">
        <v>83540</v>
      </c>
      <c r="CQ79" s="25">
        <v>83863</v>
      </c>
      <c r="CR79" s="25">
        <v>21087</v>
      </c>
      <c r="CS79" s="25">
        <v>21110</v>
      </c>
      <c r="CT79" s="34">
        <v>25.2</v>
      </c>
      <c r="CU79" s="36">
        <v>25.2</v>
      </c>
      <c r="CV79" s="24">
        <v>83275</v>
      </c>
      <c r="CW79" s="25">
        <v>83705</v>
      </c>
      <c r="CX79" s="25">
        <v>21410</v>
      </c>
      <c r="CY79" s="25">
        <v>21433</v>
      </c>
      <c r="CZ79" s="34">
        <f t="shared" si="6"/>
        <v>25.7</v>
      </c>
      <c r="DA79" s="36">
        <f t="shared" si="7"/>
        <v>25.6</v>
      </c>
      <c r="DB79" s="24">
        <v>82790</v>
      </c>
      <c r="DC79" s="25">
        <v>83313</v>
      </c>
      <c r="DD79" s="25">
        <v>21726</v>
      </c>
      <c r="DE79" s="25">
        <v>21746</v>
      </c>
      <c r="DF79" s="34">
        <v>26.2</v>
      </c>
      <c r="DG79" s="36">
        <v>26.1</v>
      </c>
      <c r="DH79" s="24">
        <v>82490</v>
      </c>
      <c r="DI79" s="25">
        <v>83030</v>
      </c>
      <c r="DJ79" s="25">
        <v>21984</v>
      </c>
      <c r="DK79" s="25">
        <v>22003</v>
      </c>
      <c r="DL79" s="34">
        <f t="shared" si="8"/>
        <v>26.650503091283788</v>
      </c>
      <c r="DM79" s="36">
        <f t="shared" si="9"/>
        <v>26.500060219197881</v>
      </c>
      <c r="DN79" s="24">
        <v>81855</v>
      </c>
      <c r="DO79" s="25">
        <v>82537</v>
      </c>
      <c r="DP79" s="25">
        <v>21987</v>
      </c>
      <c r="DQ79" s="25">
        <v>22006</v>
      </c>
      <c r="DR79" s="34">
        <f t="shared" si="10"/>
        <v>26.860912589334802</v>
      </c>
      <c r="DS79" s="36">
        <f t="shared" si="11"/>
        <v>26.661981899027104</v>
      </c>
    </row>
    <row r="80" spans="1:123" x14ac:dyDescent="0.2">
      <c r="A80" s="175"/>
      <c r="B80" s="176"/>
      <c r="C80" s="122" t="s">
        <v>63</v>
      </c>
      <c r="D80" s="40">
        <v>85904</v>
      </c>
      <c r="E80" s="38">
        <v>10881</v>
      </c>
      <c r="F80" s="39">
        <v>12.7</v>
      </c>
      <c r="G80" s="40">
        <v>86620</v>
      </c>
      <c r="H80" s="38">
        <v>11530</v>
      </c>
      <c r="I80" s="41">
        <v>13.3</v>
      </c>
      <c r="J80" s="37">
        <v>87065</v>
      </c>
      <c r="K80" s="38">
        <v>12157</v>
      </c>
      <c r="L80" s="39">
        <v>14</v>
      </c>
      <c r="M80" s="40">
        <v>87440</v>
      </c>
      <c r="N80" s="38">
        <v>12788</v>
      </c>
      <c r="O80" s="41">
        <v>14.6</v>
      </c>
      <c r="P80" s="37">
        <v>87738</v>
      </c>
      <c r="Q80" s="38">
        <v>13311</v>
      </c>
      <c r="R80" s="39">
        <v>15.2</v>
      </c>
      <c r="S80" s="40">
        <v>87746</v>
      </c>
      <c r="T80" s="38">
        <v>13894</v>
      </c>
      <c r="U80" s="67">
        <v>15.8</v>
      </c>
      <c r="V80" s="37">
        <v>87999</v>
      </c>
      <c r="W80" s="38">
        <v>14657</v>
      </c>
      <c r="X80" s="68">
        <v>16.7</v>
      </c>
      <c r="Y80" s="40">
        <v>88074</v>
      </c>
      <c r="Z80" s="38">
        <v>15274</v>
      </c>
      <c r="AA80" s="67">
        <v>17.3</v>
      </c>
      <c r="AB80" s="37">
        <v>88023</v>
      </c>
      <c r="AC80" s="38">
        <v>15838</v>
      </c>
      <c r="AD80" s="68">
        <v>18</v>
      </c>
      <c r="AE80" s="40">
        <v>88043</v>
      </c>
      <c r="AF80" s="38">
        <v>16467</v>
      </c>
      <c r="AG80" s="67">
        <v>18.7</v>
      </c>
      <c r="AH80" s="37">
        <v>88146</v>
      </c>
      <c r="AI80" s="38">
        <v>17107</v>
      </c>
      <c r="AJ80" s="68">
        <v>19.399999999999999</v>
      </c>
      <c r="AK80" s="40">
        <v>88586</v>
      </c>
      <c r="AL80" s="38">
        <v>17782</v>
      </c>
      <c r="AM80" s="67">
        <v>20.100000000000001</v>
      </c>
      <c r="AN80" s="37">
        <v>88619</v>
      </c>
      <c r="AO80" s="38">
        <v>18521</v>
      </c>
      <c r="AP80" s="68">
        <v>20.9</v>
      </c>
      <c r="AQ80" s="40">
        <v>88705</v>
      </c>
      <c r="AR80" s="38">
        <v>19132</v>
      </c>
      <c r="AS80" s="67">
        <v>21.6</v>
      </c>
      <c r="AT80" s="37">
        <v>88789</v>
      </c>
      <c r="AU80" s="38">
        <v>19852</v>
      </c>
      <c r="AV80" s="68">
        <v>22.4</v>
      </c>
      <c r="AW80" s="40">
        <v>88986</v>
      </c>
      <c r="AX80" s="38">
        <v>20414</v>
      </c>
      <c r="AY80" s="41">
        <v>22.9</v>
      </c>
      <c r="AZ80" s="37">
        <v>89046</v>
      </c>
      <c r="BA80" s="38">
        <v>20874</v>
      </c>
      <c r="BB80" s="68">
        <v>23.4</v>
      </c>
      <c r="BC80" s="40">
        <v>89021</v>
      </c>
      <c r="BD80" s="38">
        <v>21550</v>
      </c>
      <c r="BE80" s="41">
        <v>24.2</v>
      </c>
      <c r="BF80" s="37">
        <v>88879</v>
      </c>
      <c r="BG80" s="38">
        <v>89108</v>
      </c>
      <c r="BH80" s="38">
        <v>22532</v>
      </c>
      <c r="BI80" s="38">
        <v>22558</v>
      </c>
      <c r="BJ80" s="69">
        <v>25.4</v>
      </c>
      <c r="BK80" s="39">
        <v>25.3</v>
      </c>
      <c r="BL80" s="40">
        <v>89098</v>
      </c>
      <c r="BM80" s="38">
        <v>89331</v>
      </c>
      <c r="BN80" s="38">
        <v>23206</v>
      </c>
      <c r="BO80" s="38">
        <v>23233</v>
      </c>
      <c r="BP80" s="47">
        <v>26</v>
      </c>
      <c r="BQ80" s="67">
        <v>26</v>
      </c>
      <c r="BR80" s="37">
        <v>88892</v>
      </c>
      <c r="BS80" s="38">
        <v>89114</v>
      </c>
      <c r="BT80" s="38">
        <v>24288</v>
      </c>
      <c r="BU80" s="38">
        <v>24316</v>
      </c>
      <c r="BV80" s="47">
        <v>27.3</v>
      </c>
      <c r="BW80" s="39">
        <v>27.3</v>
      </c>
      <c r="BX80" s="40">
        <v>88703</v>
      </c>
      <c r="BY80" s="38">
        <v>88945</v>
      </c>
      <c r="BZ80" s="38">
        <v>25233</v>
      </c>
      <c r="CA80" s="38">
        <v>25262</v>
      </c>
      <c r="CB80" s="47">
        <v>28.4</v>
      </c>
      <c r="CC80" s="41">
        <v>28.4</v>
      </c>
      <c r="CD80" s="37">
        <v>88499</v>
      </c>
      <c r="CE80" s="38">
        <v>88760</v>
      </c>
      <c r="CF80" s="38">
        <v>26074</v>
      </c>
      <c r="CG80" s="38">
        <v>26106</v>
      </c>
      <c r="CH80" s="47">
        <v>29.5</v>
      </c>
      <c r="CI80" s="39">
        <v>29.4</v>
      </c>
      <c r="CJ80" s="40">
        <v>88045</v>
      </c>
      <c r="CK80" s="38">
        <v>88300</v>
      </c>
      <c r="CL80" s="38">
        <v>26840</v>
      </c>
      <c r="CM80" s="38">
        <v>26874</v>
      </c>
      <c r="CN80" s="47">
        <v>30.5</v>
      </c>
      <c r="CO80" s="41">
        <v>30.4</v>
      </c>
      <c r="CP80" s="37">
        <v>87676</v>
      </c>
      <c r="CQ80" s="38">
        <v>87948</v>
      </c>
      <c r="CR80" s="38">
        <v>27458</v>
      </c>
      <c r="CS80" s="38">
        <v>27493</v>
      </c>
      <c r="CT80" s="47">
        <v>31.3</v>
      </c>
      <c r="CU80" s="49">
        <v>31.3</v>
      </c>
      <c r="CV80" s="37">
        <v>87244</v>
      </c>
      <c r="CW80" s="38">
        <v>87537</v>
      </c>
      <c r="CX80" s="38">
        <v>27898</v>
      </c>
      <c r="CY80" s="38">
        <v>27932</v>
      </c>
      <c r="CZ80" s="47">
        <f t="shared" si="6"/>
        <v>32</v>
      </c>
      <c r="DA80" s="49">
        <f t="shared" si="7"/>
        <v>31.9</v>
      </c>
      <c r="DB80" s="37">
        <v>86594</v>
      </c>
      <c r="DC80" s="38">
        <v>86892</v>
      </c>
      <c r="DD80" s="38">
        <v>28192</v>
      </c>
      <c r="DE80" s="38">
        <v>28227</v>
      </c>
      <c r="DF80" s="47">
        <v>32.6</v>
      </c>
      <c r="DG80" s="49">
        <v>32.5</v>
      </c>
      <c r="DH80" s="37">
        <v>86205</v>
      </c>
      <c r="DI80" s="38">
        <v>86498</v>
      </c>
      <c r="DJ80" s="38">
        <v>28501</v>
      </c>
      <c r="DK80" s="38">
        <v>28535</v>
      </c>
      <c r="DL80" s="21">
        <f t="shared" si="8"/>
        <v>33.061887361521954</v>
      </c>
      <c r="DM80" s="49">
        <f t="shared" si="9"/>
        <v>32.989202062475428</v>
      </c>
      <c r="DN80" s="37">
        <v>85425</v>
      </c>
      <c r="DO80" s="38">
        <v>85762</v>
      </c>
      <c r="DP80" s="38">
        <v>28592</v>
      </c>
      <c r="DQ80" s="38">
        <v>28628</v>
      </c>
      <c r="DR80" s="21">
        <f t="shared" si="10"/>
        <v>33.470295580918936</v>
      </c>
      <c r="DS80" s="49">
        <f t="shared" si="11"/>
        <v>33.380751381730839</v>
      </c>
    </row>
    <row r="81" spans="1:123" x14ac:dyDescent="0.2">
      <c r="A81" s="175" t="s">
        <v>37</v>
      </c>
      <c r="B81" s="176"/>
      <c r="C81" s="121" t="s">
        <v>61</v>
      </c>
      <c r="D81" s="53">
        <v>45517</v>
      </c>
      <c r="E81" s="51">
        <v>6035</v>
      </c>
      <c r="F81" s="52">
        <v>13.3</v>
      </c>
      <c r="G81" s="53">
        <v>45263</v>
      </c>
      <c r="H81" s="51">
        <v>6372</v>
      </c>
      <c r="I81" s="54">
        <v>14.1</v>
      </c>
      <c r="J81" s="50">
        <v>44790</v>
      </c>
      <c r="K81" s="51">
        <v>6601</v>
      </c>
      <c r="L81" s="52">
        <v>14.7</v>
      </c>
      <c r="M81" s="53">
        <v>44364</v>
      </c>
      <c r="N81" s="51">
        <v>6854</v>
      </c>
      <c r="O81" s="54">
        <v>15.4</v>
      </c>
      <c r="P81" s="50">
        <v>44159</v>
      </c>
      <c r="Q81" s="51">
        <v>7151</v>
      </c>
      <c r="R81" s="52">
        <v>16.2</v>
      </c>
      <c r="S81" s="53">
        <v>43760</v>
      </c>
      <c r="T81" s="51">
        <v>7494</v>
      </c>
      <c r="U81" s="58">
        <v>17.100000000000001</v>
      </c>
      <c r="V81" s="50">
        <v>43370</v>
      </c>
      <c r="W81" s="51">
        <v>7777</v>
      </c>
      <c r="X81" s="55">
        <v>17.899999999999999</v>
      </c>
      <c r="Y81" s="53">
        <v>42935</v>
      </c>
      <c r="Z81" s="51">
        <v>7947</v>
      </c>
      <c r="AA81" s="58">
        <v>18.5</v>
      </c>
      <c r="AB81" s="50">
        <v>42668</v>
      </c>
      <c r="AC81" s="51">
        <v>8231</v>
      </c>
      <c r="AD81" s="55">
        <v>19.3</v>
      </c>
      <c r="AE81" s="53">
        <v>42173</v>
      </c>
      <c r="AF81" s="51">
        <v>8399</v>
      </c>
      <c r="AG81" s="58">
        <v>19.899999999999999</v>
      </c>
      <c r="AH81" s="50">
        <v>41625</v>
      </c>
      <c r="AI81" s="51">
        <v>8565</v>
      </c>
      <c r="AJ81" s="55">
        <v>20.6</v>
      </c>
      <c r="AK81" s="53">
        <v>41541</v>
      </c>
      <c r="AL81" s="51">
        <v>8762</v>
      </c>
      <c r="AM81" s="58">
        <v>21.1</v>
      </c>
      <c r="AN81" s="50">
        <v>40868</v>
      </c>
      <c r="AO81" s="51">
        <v>8986</v>
      </c>
      <c r="AP81" s="55">
        <v>22</v>
      </c>
      <c r="AQ81" s="53">
        <v>40244</v>
      </c>
      <c r="AR81" s="51">
        <v>9193</v>
      </c>
      <c r="AS81" s="58">
        <v>22.8</v>
      </c>
      <c r="AT81" s="50">
        <v>39527</v>
      </c>
      <c r="AU81" s="51">
        <v>9381</v>
      </c>
      <c r="AV81" s="55">
        <v>23.7</v>
      </c>
      <c r="AW81" s="53">
        <v>39005</v>
      </c>
      <c r="AX81" s="51">
        <v>9516</v>
      </c>
      <c r="AY81" s="54">
        <v>24.4</v>
      </c>
      <c r="AZ81" s="50">
        <v>38573</v>
      </c>
      <c r="BA81" s="51">
        <v>9540</v>
      </c>
      <c r="BB81" s="55">
        <v>24.7</v>
      </c>
      <c r="BC81" s="53">
        <v>37911</v>
      </c>
      <c r="BD81" s="51">
        <v>9744</v>
      </c>
      <c r="BE81" s="54">
        <v>25.7</v>
      </c>
      <c r="BF81" s="50">
        <v>37228</v>
      </c>
      <c r="BG81" s="51">
        <v>37519</v>
      </c>
      <c r="BH81" s="51">
        <v>9962</v>
      </c>
      <c r="BI81" s="51">
        <v>9970</v>
      </c>
      <c r="BJ81" s="56">
        <v>26.8</v>
      </c>
      <c r="BK81" s="52">
        <v>26.6</v>
      </c>
      <c r="BL81" s="53">
        <v>36918</v>
      </c>
      <c r="BM81" s="51">
        <v>37248</v>
      </c>
      <c r="BN81" s="51">
        <v>10017</v>
      </c>
      <c r="BO81" s="51">
        <v>10026</v>
      </c>
      <c r="BP81" s="57">
        <v>27.1</v>
      </c>
      <c r="BQ81" s="58">
        <v>26.9</v>
      </c>
      <c r="BR81" s="50">
        <v>36500</v>
      </c>
      <c r="BS81" s="51">
        <v>36827</v>
      </c>
      <c r="BT81" s="51">
        <v>10280</v>
      </c>
      <c r="BU81" s="51">
        <v>10289</v>
      </c>
      <c r="BV81" s="57">
        <v>28.2</v>
      </c>
      <c r="BW81" s="52">
        <v>27.9</v>
      </c>
      <c r="BX81" s="53">
        <v>35866</v>
      </c>
      <c r="BY81" s="51">
        <v>36184</v>
      </c>
      <c r="BZ81" s="51">
        <v>10505</v>
      </c>
      <c r="CA81" s="51">
        <v>10513</v>
      </c>
      <c r="CB81" s="57">
        <v>29.3</v>
      </c>
      <c r="CC81" s="54">
        <v>29.1</v>
      </c>
      <c r="CD81" s="50">
        <v>35161</v>
      </c>
      <c r="CE81" s="51">
        <v>35490</v>
      </c>
      <c r="CF81" s="51">
        <v>10621</v>
      </c>
      <c r="CG81" s="51">
        <v>10629</v>
      </c>
      <c r="CH81" s="57">
        <v>30.2</v>
      </c>
      <c r="CI81" s="52">
        <v>29.9</v>
      </c>
      <c r="CJ81" s="53">
        <v>34472</v>
      </c>
      <c r="CK81" s="51">
        <v>34834</v>
      </c>
      <c r="CL81" s="51">
        <v>10765</v>
      </c>
      <c r="CM81" s="51">
        <v>10775</v>
      </c>
      <c r="CN81" s="57">
        <v>31.2</v>
      </c>
      <c r="CO81" s="54">
        <v>30.9</v>
      </c>
      <c r="CP81" s="50">
        <v>33887</v>
      </c>
      <c r="CQ81" s="51">
        <v>34249</v>
      </c>
      <c r="CR81" s="51">
        <v>10937</v>
      </c>
      <c r="CS81" s="51">
        <v>10947</v>
      </c>
      <c r="CT81" s="57">
        <v>32.299999999999997</v>
      </c>
      <c r="CU81" s="61">
        <v>32</v>
      </c>
      <c r="CV81" s="50">
        <v>33174</v>
      </c>
      <c r="CW81" s="51">
        <v>33605</v>
      </c>
      <c r="CX81" s="51">
        <v>10974</v>
      </c>
      <c r="CY81" s="51">
        <v>10983</v>
      </c>
      <c r="CZ81" s="21">
        <f t="shared" si="6"/>
        <v>33.1</v>
      </c>
      <c r="DA81" s="23">
        <f t="shared" si="7"/>
        <v>32.700000000000003</v>
      </c>
      <c r="DB81" s="50">
        <v>32588</v>
      </c>
      <c r="DC81" s="51">
        <v>33032</v>
      </c>
      <c r="DD81" s="51">
        <v>10948</v>
      </c>
      <c r="DE81" s="51">
        <v>10958</v>
      </c>
      <c r="DF81" s="21">
        <v>33.6</v>
      </c>
      <c r="DG81" s="23">
        <v>33.200000000000003</v>
      </c>
      <c r="DH81" s="50">
        <v>31901</v>
      </c>
      <c r="DI81" s="51">
        <v>32280</v>
      </c>
      <c r="DJ81" s="51">
        <v>10954</v>
      </c>
      <c r="DK81" s="51">
        <v>10964</v>
      </c>
      <c r="DL81" s="57">
        <f t="shared" si="8"/>
        <v>34.337481583649414</v>
      </c>
      <c r="DM81" s="23">
        <f t="shared" si="9"/>
        <v>33.965303593556385</v>
      </c>
      <c r="DN81" s="50">
        <v>31136</v>
      </c>
      <c r="DO81" s="51">
        <v>31644</v>
      </c>
      <c r="DP81" s="51">
        <v>10856</v>
      </c>
      <c r="DQ81" s="51">
        <v>10868</v>
      </c>
      <c r="DR81" s="57">
        <f t="shared" si="10"/>
        <v>34.86639260020555</v>
      </c>
      <c r="DS81" s="23">
        <f t="shared" si="11"/>
        <v>34.344583491341169</v>
      </c>
    </row>
    <row r="82" spans="1:123" x14ac:dyDescent="0.2">
      <c r="A82" s="175"/>
      <c r="B82" s="176"/>
      <c r="C82" s="123" t="s">
        <v>62</v>
      </c>
      <c r="D82" s="27">
        <v>22365</v>
      </c>
      <c r="E82" s="25">
        <v>2489</v>
      </c>
      <c r="F82" s="26">
        <v>11.1</v>
      </c>
      <c r="G82" s="27">
        <v>22252</v>
      </c>
      <c r="H82" s="25">
        <v>2684</v>
      </c>
      <c r="I82" s="28">
        <v>12.1</v>
      </c>
      <c r="J82" s="24">
        <v>22017</v>
      </c>
      <c r="K82" s="25">
        <v>2813</v>
      </c>
      <c r="L82" s="26">
        <v>12.8</v>
      </c>
      <c r="M82" s="27">
        <v>21860</v>
      </c>
      <c r="N82" s="25">
        <v>2939</v>
      </c>
      <c r="O82" s="28">
        <v>13.4</v>
      </c>
      <c r="P82" s="24">
        <v>21778</v>
      </c>
      <c r="Q82" s="25">
        <v>3085</v>
      </c>
      <c r="R82" s="26">
        <v>14.2</v>
      </c>
      <c r="S82" s="27">
        <v>21611</v>
      </c>
      <c r="T82" s="25">
        <v>3265</v>
      </c>
      <c r="U82" s="62">
        <v>15.1</v>
      </c>
      <c r="V82" s="24">
        <v>21425</v>
      </c>
      <c r="W82" s="25">
        <v>3392</v>
      </c>
      <c r="X82" s="63">
        <v>15.8</v>
      </c>
      <c r="Y82" s="27">
        <v>21153</v>
      </c>
      <c r="Z82" s="25">
        <v>3448</v>
      </c>
      <c r="AA82" s="62">
        <v>16.3</v>
      </c>
      <c r="AB82" s="24">
        <v>21028</v>
      </c>
      <c r="AC82" s="25">
        <v>3535</v>
      </c>
      <c r="AD82" s="63">
        <v>16.8</v>
      </c>
      <c r="AE82" s="27">
        <v>20778</v>
      </c>
      <c r="AF82" s="25">
        <v>3614</v>
      </c>
      <c r="AG82" s="62">
        <v>17.399999999999999</v>
      </c>
      <c r="AH82" s="24">
        <v>20519</v>
      </c>
      <c r="AI82" s="25">
        <v>3674</v>
      </c>
      <c r="AJ82" s="63">
        <v>17.899999999999999</v>
      </c>
      <c r="AK82" s="27">
        <v>20471</v>
      </c>
      <c r="AL82" s="25">
        <v>3743</v>
      </c>
      <c r="AM82" s="62">
        <v>18.3</v>
      </c>
      <c r="AN82" s="24">
        <v>20088</v>
      </c>
      <c r="AO82" s="25">
        <v>3829</v>
      </c>
      <c r="AP82" s="63">
        <v>19.100000000000001</v>
      </c>
      <c r="AQ82" s="27">
        <v>19755</v>
      </c>
      <c r="AR82" s="25">
        <v>3906</v>
      </c>
      <c r="AS82" s="62">
        <v>19.8</v>
      </c>
      <c r="AT82" s="24">
        <v>19370</v>
      </c>
      <c r="AU82" s="25">
        <v>3963</v>
      </c>
      <c r="AV82" s="63">
        <v>20.5</v>
      </c>
      <c r="AW82" s="27">
        <v>19129</v>
      </c>
      <c r="AX82" s="25">
        <v>3998</v>
      </c>
      <c r="AY82" s="28">
        <v>20.9</v>
      </c>
      <c r="AZ82" s="24">
        <v>18867</v>
      </c>
      <c r="BA82" s="25">
        <v>3988</v>
      </c>
      <c r="BB82" s="63">
        <v>21.1</v>
      </c>
      <c r="BC82" s="27">
        <v>18533</v>
      </c>
      <c r="BD82" s="25">
        <v>4084</v>
      </c>
      <c r="BE82" s="28">
        <v>22</v>
      </c>
      <c r="BF82" s="24">
        <v>18190</v>
      </c>
      <c r="BG82" s="25">
        <v>18263</v>
      </c>
      <c r="BH82" s="25">
        <v>4184</v>
      </c>
      <c r="BI82" s="25">
        <v>4187</v>
      </c>
      <c r="BJ82" s="64">
        <v>23</v>
      </c>
      <c r="BK82" s="26">
        <v>22.9</v>
      </c>
      <c r="BL82" s="27">
        <v>18106</v>
      </c>
      <c r="BM82" s="25">
        <v>18181</v>
      </c>
      <c r="BN82" s="25">
        <v>4203</v>
      </c>
      <c r="BO82" s="25">
        <v>4207</v>
      </c>
      <c r="BP82" s="34">
        <v>23.2</v>
      </c>
      <c r="BQ82" s="62">
        <v>23.1</v>
      </c>
      <c r="BR82" s="24">
        <v>17915</v>
      </c>
      <c r="BS82" s="25">
        <v>17993</v>
      </c>
      <c r="BT82" s="25">
        <v>4319</v>
      </c>
      <c r="BU82" s="25">
        <v>4323</v>
      </c>
      <c r="BV82" s="34">
        <v>24.1</v>
      </c>
      <c r="BW82" s="26">
        <v>24</v>
      </c>
      <c r="BX82" s="27">
        <v>17635</v>
      </c>
      <c r="BY82" s="25">
        <v>17719</v>
      </c>
      <c r="BZ82" s="25">
        <v>4440</v>
      </c>
      <c r="CA82" s="25">
        <v>4443</v>
      </c>
      <c r="CB82" s="34">
        <v>25.2</v>
      </c>
      <c r="CC82" s="28">
        <v>25.1</v>
      </c>
      <c r="CD82" s="24">
        <v>17297</v>
      </c>
      <c r="CE82" s="25">
        <v>17387</v>
      </c>
      <c r="CF82" s="25">
        <v>4491</v>
      </c>
      <c r="CG82" s="25">
        <v>4494</v>
      </c>
      <c r="CH82" s="34">
        <v>26</v>
      </c>
      <c r="CI82" s="26">
        <v>25.8</v>
      </c>
      <c r="CJ82" s="27">
        <v>17002</v>
      </c>
      <c r="CK82" s="25">
        <v>17097</v>
      </c>
      <c r="CL82" s="25">
        <v>4581</v>
      </c>
      <c r="CM82" s="25">
        <v>4584</v>
      </c>
      <c r="CN82" s="34">
        <v>26.9</v>
      </c>
      <c r="CO82" s="28">
        <v>26.8</v>
      </c>
      <c r="CP82" s="24">
        <v>16723</v>
      </c>
      <c r="CQ82" s="25">
        <v>16817</v>
      </c>
      <c r="CR82" s="25">
        <v>4656</v>
      </c>
      <c r="CS82" s="25">
        <v>4660</v>
      </c>
      <c r="CT82" s="34">
        <v>27.8</v>
      </c>
      <c r="CU82" s="36">
        <v>27.7</v>
      </c>
      <c r="CV82" s="24">
        <v>16381</v>
      </c>
      <c r="CW82" s="25">
        <v>16507</v>
      </c>
      <c r="CX82" s="25">
        <v>4695</v>
      </c>
      <c r="CY82" s="25">
        <v>4698</v>
      </c>
      <c r="CZ82" s="34">
        <f t="shared" si="6"/>
        <v>28.7</v>
      </c>
      <c r="DA82" s="36">
        <f t="shared" si="7"/>
        <v>28.5</v>
      </c>
      <c r="DB82" s="24">
        <v>16165</v>
      </c>
      <c r="DC82" s="25">
        <v>16287</v>
      </c>
      <c r="DD82" s="25">
        <v>4698</v>
      </c>
      <c r="DE82" s="25">
        <v>4702</v>
      </c>
      <c r="DF82" s="34">
        <v>29.1</v>
      </c>
      <c r="DG82" s="36">
        <v>28.9</v>
      </c>
      <c r="DH82" s="24">
        <v>15826</v>
      </c>
      <c r="DI82" s="25">
        <v>15942</v>
      </c>
      <c r="DJ82" s="25">
        <v>4704</v>
      </c>
      <c r="DK82" s="25">
        <v>4708</v>
      </c>
      <c r="DL82" s="34">
        <f t="shared" si="8"/>
        <v>29.723240237583724</v>
      </c>
      <c r="DM82" s="36">
        <f t="shared" si="9"/>
        <v>29.532053694643079</v>
      </c>
      <c r="DN82" s="24">
        <v>15448</v>
      </c>
      <c r="DO82" s="25">
        <v>15637</v>
      </c>
      <c r="DP82" s="25">
        <v>4649</v>
      </c>
      <c r="DQ82" s="25">
        <v>4654</v>
      </c>
      <c r="DR82" s="34">
        <f t="shared" si="10"/>
        <v>30.094510616261005</v>
      </c>
      <c r="DS82" s="36">
        <f t="shared" si="11"/>
        <v>29.762742213979664</v>
      </c>
    </row>
    <row r="83" spans="1:123" x14ac:dyDescent="0.2">
      <c r="A83" s="175"/>
      <c r="B83" s="176"/>
      <c r="C83" s="122" t="s">
        <v>63</v>
      </c>
      <c r="D83" s="40">
        <v>23152</v>
      </c>
      <c r="E83" s="38">
        <v>3546</v>
      </c>
      <c r="F83" s="39">
        <v>15.3</v>
      </c>
      <c r="G83" s="40">
        <v>23011</v>
      </c>
      <c r="H83" s="38">
        <v>3688</v>
      </c>
      <c r="I83" s="41">
        <v>16</v>
      </c>
      <c r="J83" s="37">
        <v>22773</v>
      </c>
      <c r="K83" s="38">
        <v>3788</v>
      </c>
      <c r="L83" s="39">
        <v>16.600000000000001</v>
      </c>
      <c r="M83" s="40">
        <v>22504</v>
      </c>
      <c r="N83" s="38">
        <v>3915</v>
      </c>
      <c r="O83" s="41">
        <v>17.399999999999999</v>
      </c>
      <c r="P83" s="37">
        <v>22381</v>
      </c>
      <c r="Q83" s="38">
        <v>4066</v>
      </c>
      <c r="R83" s="39">
        <v>18.2</v>
      </c>
      <c r="S83" s="40">
        <v>22149</v>
      </c>
      <c r="T83" s="38">
        <v>4229</v>
      </c>
      <c r="U83" s="67">
        <v>19.100000000000001</v>
      </c>
      <c r="V83" s="37">
        <v>21945</v>
      </c>
      <c r="W83" s="38">
        <v>4385</v>
      </c>
      <c r="X83" s="68">
        <v>20</v>
      </c>
      <c r="Y83" s="40">
        <v>21782</v>
      </c>
      <c r="Z83" s="38">
        <v>4499</v>
      </c>
      <c r="AA83" s="67">
        <v>20.7</v>
      </c>
      <c r="AB83" s="37">
        <v>21640</v>
      </c>
      <c r="AC83" s="38">
        <v>4696</v>
      </c>
      <c r="AD83" s="68">
        <v>21.7</v>
      </c>
      <c r="AE83" s="40">
        <v>21395</v>
      </c>
      <c r="AF83" s="38">
        <v>4785</v>
      </c>
      <c r="AG83" s="67">
        <v>22.4</v>
      </c>
      <c r="AH83" s="37">
        <v>21106</v>
      </c>
      <c r="AI83" s="38">
        <v>4891</v>
      </c>
      <c r="AJ83" s="68">
        <v>23.2</v>
      </c>
      <c r="AK83" s="40">
        <v>21070</v>
      </c>
      <c r="AL83" s="38">
        <v>5019</v>
      </c>
      <c r="AM83" s="67">
        <v>23.8</v>
      </c>
      <c r="AN83" s="37">
        <v>20780</v>
      </c>
      <c r="AO83" s="38">
        <v>5157</v>
      </c>
      <c r="AP83" s="68">
        <v>24.8</v>
      </c>
      <c r="AQ83" s="40">
        <v>20489</v>
      </c>
      <c r="AR83" s="38">
        <v>5287</v>
      </c>
      <c r="AS83" s="67">
        <v>25.8</v>
      </c>
      <c r="AT83" s="37">
        <v>20157</v>
      </c>
      <c r="AU83" s="38">
        <v>5418</v>
      </c>
      <c r="AV83" s="68">
        <v>26.9</v>
      </c>
      <c r="AW83" s="40">
        <v>19876</v>
      </c>
      <c r="AX83" s="38">
        <v>5518</v>
      </c>
      <c r="AY83" s="41">
        <v>27.8</v>
      </c>
      <c r="AZ83" s="37">
        <v>19706</v>
      </c>
      <c r="BA83" s="38">
        <v>5552</v>
      </c>
      <c r="BB83" s="68">
        <v>28.2</v>
      </c>
      <c r="BC83" s="40">
        <v>19378</v>
      </c>
      <c r="BD83" s="38">
        <v>5660</v>
      </c>
      <c r="BE83" s="41">
        <v>29.2</v>
      </c>
      <c r="BF83" s="37">
        <v>19038</v>
      </c>
      <c r="BG83" s="38">
        <v>19256</v>
      </c>
      <c r="BH83" s="38">
        <v>5778</v>
      </c>
      <c r="BI83" s="38">
        <v>5783</v>
      </c>
      <c r="BJ83" s="69">
        <v>30.3</v>
      </c>
      <c r="BK83" s="39">
        <v>30</v>
      </c>
      <c r="BL83" s="40">
        <v>18812</v>
      </c>
      <c r="BM83" s="38">
        <v>19067</v>
      </c>
      <c r="BN83" s="38">
        <v>5814</v>
      </c>
      <c r="BO83" s="38">
        <v>5819</v>
      </c>
      <c r="BP83" s="47">
        <v>30.9</v>
      </c>
      <c r="BQ83" s="67">
        <v>30.5</v>
      </c>
      <c r="BR83" s="37">
        <v>18585</v>
      </c>
      <c r="BS83" s="38">
        <v>18834</v>
      </c>
      <c r="BT83" s="38">
        <v>5961</v>
      </c>
      <c r="BU83" s="38">
        <v>5966</v>
      </c>
      <c r="BV83" s="47">
        <v>32.1</v>
      </c>
      <c r="BW83" s="39">
        <v>31.7</v>
      </c>
      <c r="BX83" s="40">
        <v>18231</v>
      </c>
      <c r="BY83" s="38">
        <v>18465</v>
      </c>
      <c r="BZ83" s="38">
        <v>6065</v>
      </c>
      <c r="CA83" s="38">
        <v>6070</v>
      </c>
      <c r="CB83" s="47">
        <v>33.299999999999997</v>
      </c>
      <c r="CC83" s="41">
        <v>32.9</v>
      </c>
      <c r="CD83" s="37">
        <v>17864</v>
      </c>
      <c r="CE83" s="38">
        <v>18103</v>
      </c>
      <c r="CF83" s="38">
        <v>6130</v>
      </c>
      <c r="CG83" s="38">
        <v>6135</v>
      </c>
      <c r="CH83" s="47">
        <v>34.299999999999997</v>
      </c>
      <c r="CI83" s="39">
        <v>33.9</v>
      </c>
      <c r="CJ83" s="40">
        <v>17470</v>
      </c>
      <c r="CK83" s="38">
        <v>17737</v>
      </c>
      <c r="CL83" s="38">
        <v>6184</v>
      </c>
      <c r="CM83" s="38">
        <v>6191</v>
      </c>
      <c r="CN83" s="47">
        <v>35.4</v>
      </c>
      <c r="CO83" s="41">
        <v>34.9</v>
      </c>
      <c r="CP83" s="37">
        <v>17164</v>
      </c>
      <c r="CQ83" s="38">
        <v>17432</v>
      </c>
      <c r="CR83" s="38">
        <v>6281</v>
      </c>
      <c r="CS83" s="38">
        <v>6287</v>
      </c>
      <c r="CT83" s="47">
        <v>36.6</v>
      </c>
      <c r="CU83" s="49">
        <v>36.1</v>
      </c>
      <c r="CV83" s="37">
        <v>16793</v>
      </c>
      <c r="CW83" s="38">
        <v>17098</v>
      </c>
      <c r="CX83" s="38">
        <v>6279</v>
      </c>
      <c r="CY83" s="38">
        <v>6285</v>
      </c>
      <c r="CZ83" s="47">
        <f t="shared" si="6"/>
        <v>37.4</v>
      </c>
      <c r="DA83" s="49">
        <f t="shared" si="7"/>
        <v>36.799999999999997</v>
      </c>
      <c r="DB83" s="37">
        <v>16423</v>
      </c>
      <c r="DC83" s="38">
        <v>16745</v>
      </c>
      <c r="DD83" s="38">
        <v>6250</v>
      </c>
      <c r="DE83" s="38">
        <v>6256</v>
      </c>
      <c r="DF83" s="47">
        <v>38.1</v>
      </c>
      <c r="DG83" s="49">
        <v>37.4</v>
      </c>
      <c r="DH83" s="37">
        <v>16075</v>
      </c>
      <c r="DI83" s="38">
        <v>16338</v>
      </c>
      <c r="DJ83" s="38">
        <v>6250</v>
      </c>
      <c r="DK83" s="38">
        <v>6256</v>
      </c>
      <c r="DL83" s="21">
        <f t="shared" si="8"/>
        <v>38.880248833592532</v>
      </c>
      <c r="DM83" s="49">
        <f t="shared" si="9"/>
        <v>38.291100501897418</v>
      </c>
      <c r="DN83" s="37">
        <v>15688</v>
      </c>
      <c r="DO83" s="38">
        <v>16007</v>
      </c>
      <c r="DP83" s="38">
        <v>6207</v>
      </c>
      <c r="DQ83" s="38">
        <v>6214</v>
      </c>
      <c r="DR83" s="21">
        <f t="shared" si="10"/>
        <v>39.565272819989801</v>
      </c>
      <c r="DS83" s="49">
        <f t="shared" si="11"/>
        <v>38.820516024239396</v>
      </c>
    </row>
    <row r="84" spans="1:123" x14ac:dyDescent="0.2">
      <c r="A84" s="175" t="s">
        <v>38</v>
      </c>
      <c r="B84" s="176"/>
      <c r="C84" s="121" t="s">
        <v>61</v>
      </c>
      <c r="D84" s="53">
        <v>33102</v>
      </c>
      <c r="E84" s="51">
        <v>6860</v>
      </c>
      <c r="F84" s="52">
        <v>20.7</v>
      </c>
      <c r="G84" s="53">
        <v>32871</v>
      </c>
      <c r="H84" s="51">
        <v>7142</v>
      </c>
      <c r="I84" s="54">
        <v>21.7</v>
      </c>
      <c r="J84" s="50">
        <v>32402</v>
      </c>
      <c r="K84" s="51">
        <v>7235</v>
      </c>
      <c r="L84" s="52">
        <v>22.3</v>
      </c>
      <c r="M84" s="53">
        <v>32072</v>
      </c>
      <c r="N84" s="51">
        <v>7422</v>
      </c>
      <c r="O84" s="54">
        <v>23.1</v>
      </c>
      <c r="P84" s="50">
        <v>31668</v>
      </c>
      <c r="Q84" s="51">
        <v>7606</v>
      </c>
      <c r="R84" s="52">
        <v>24</v>
      </c>
      <c r="S84" s="53">
        <v>31148</v>
      </c>
      <c r="T84" s="51">
        <v>7762</v>
      </c>
      <c r="U84" s="58">
        <v>24.9</v>
      </c>
      <c r="V84" s="50">
        <v>30788</v>
      </c>
      <c r="W84" s="51">
        <v>7955</v>
      </c>
      <c r="X84" s="55">
        <v>25.8</v>
      </c>
      <c r="Y84" s="53">
        <v>30283</v>
      </c>
      <c r="Z84" s="51">
        <v>8055</v>
      </c>
      <c r="AA84" s="58">
        <v>26.6</v>
      </c>
      <c r="AB84" s="50">
        <v>30021</v>
      </c>
      <c r="AC84" s="51">
        <v>8166</v>
      </c>
      <c r="AD84" s="55">
        <v>27.2</v>
      </c>
      <c r="AE84" s="53">
        <v>29666</v>
      </c>
      <c r="AF84" s="51">
        <v>8293</v>
      </c>
      <c r="AG84" s="58">
        <v>28</v>
      </c>
      <c r="AH84" s="50">
        <v>29235</v>
      </c>
      <c r="AI84" s="51">
        <v>8356</v>
      </c>
      <c r="AJ84" s="55">
        <v>28.6</v>
      </c>
      <c r="AK84" s="53">
        <v>28815</v>
      </c>
      <c r="AL84" s="51">
        <v>8432</v>
      </c>
      <c r="AM84" s="58">
        <v>29.3</v>
      </c>
      <c r="AN84" s="50">
        <v>28174</v>
      </c>
      <c r="AO84" s="51">
        <v>8560</v>
      </c>
      <c r="AP84" s="55">
        <v>30.4</v>
      </c>
      <c r="AQ84" s="53">
        <v>27499</v>
      </c>
      <c r="AR84" s="51">
        <v>8583</v>
      </c>
      <c r="AS84" s="58">
        <v>31.2</v>
      </c>
      <c r="AT84" s="50">
        <v>26938</v>
      </c>
      <c r="AU84" s="51">
        <v>8603</v>
      </c>
      <c r="AV84" s="55">
        <v>31.9</v>
      </c>
      <c r="AW84" s="53">
        <v>26449</v>
      </c>
      <c r="AX84" s="51">
        <v>8648</v>
      </c>
      <c r="AY84" s="54">
        <v>32.700000000000003</v>
      </c>
      <c r="AZ84" s="50">
        <v>25970</v>
      </c>
      <c r="BA84" s="51">
        <v>8602</v>
      </c>
      <c r="BB84" s="55">
        <v>33.1</v>
      </c>
      <c r="BC84" s="53">
        <v>25312</v>
      </c>
      <c r="BD84" s="51">
        <v>8639</v>
      </c>
      <c r="BE84" s="54">
        <v>34.1</v>
      </c>
      <c r="BF84" s="50">
        <v>24768</v>
      </c>
      <c r="BG84" s="51">
        <v>24811</v>
      </c>
      <c r="BH84" s="51">
        <v>8710</v>
      </c>
      <c r="BI84" s="51">
        <v>8710</v>
      </c>
      <c r="BJ84" s="56">
        <v>35.200000000000003</v>
      </c>
      <c r="BK84" s="52">
        <v>35.1</v>
      </c>
      <c r="BL84" s="53">
        <v>24446</v>
      </c>
      <c r="BM84" s="51">
        <v>24488</v>
      </c>
      <c r="BN84" s="51">
        <v>8723</v>
      </c>
      <c r="BO84" s="51">
        <v>8723</v>
      </c>
      <c r="BP84" s="57">
        <v>35.700000000000003</v>
      </c>
      <c r="BQ84" s="58">
        <v>35.6</v>
      </c>
      <c r="BR84" s="50">
        <v>23935</v>
      </c>
      <c r="BS84" s="51">
        <v>23984</v>
      </c>
      <c r="BT84" s="51">
        <v>8890</v>
      </c>
      <c r="BU84" s="51">
        <v>8890</v>
      </c>
      <c r="BV84" s="57">
        <v>37.1</v>
      </c>
      <c r="BW84" s="52">
        <v>37.1</v>
      </c>
      <c r="BX84" s="59">
        <v>23343</v>
      </c>
      <c r="BY84" s="51">
        <v>23390</v>
      </c>
      <c r="BZ84" s="72">
        <v>8985</v>
      </c>
      <c r="CA84" s="51">
        <v>8985</v>
      </c>
      <c r="CB84" s="57">
        <v>38.5</v>
      </c>
      <c r="CC84" s="54">
        <v>38.4</v>
      </c>
      <c r="CD84" s="50">
        <v>22675</v>
      </c>
      <c r="CE84" s="51">
        <v>22724</v>
      </c>
      <c r="CF84" s="51">
        <v>8990</v>
      </c>
      <c r="CG84" s="51">
        <v>8990</v>
      </c>
      <c r="CH84" s="57">
        <v>39.6</v>
      </c>
      <c r="CI84" s="52">
        <v>39.6</v>
      </c>
      <c r="CJ84" s="53">
        <v>22160</v>
      </c>
      <c r="CK84" s="51">
        <v>22211</v>
      </c>
      <c r="CL84" s="51">
        <v>9049</v>
      </c>
      <c r="CM84" s="51">
        <v>9057</v>
      </c>
      <c r="CN84" s="57">
        <v>40.799999999999997</v>
      </c>
      <c r="CO84" s="54">
        <v>40.799999999999997</v>
      </c>
      <c r="CP84" s="50">
        <v>21552</v>
      </c>
      <c r="CQ84" s="51">
        <v>21602</v>
      </c>
      <c r="CR84" s="51">
        <v>8927</v>
      </c>
      <c r="CS84" s="51">
        <v>8938</v>
      </c>
      <c r="CT84" s="57">
        <v>41.4</v>
      </c>
      <c r="CU84" s="61">
        <v>41.4</v>
      </c>
      <c r="CV84" s="50">
        <v>21001</v>
      </c>
      <c r="CW84" s="51">
        <v>21058</v>
      </c>
      <c r="CX84" s="51">
        <v>8848</v>
      </c>
      <c r="CY84" s="51">
        <v>8860</v>
      </c>
      <c r="CZ84" s="21">
        <f t="shared" si="6"/>
        <v>42.1</v>
      </c>
      <c r="DA84" s="23">
        <f t="shared" si="7"/>
        <v>42.1</v>
      </c>
      <c r="DB84" s="50">
        <v>20440</v>
      </c>
      <c r="DC84" s="51">
        <v>20504</v>
      </c>
      <c r="DD84" s="51">
        <v>8735</v>
      </c>
      <c r="DE84" s="51">
        <v>8745</v>
      </c>
      <c r="DF84" s="21">
        <v>42.7</v>
      </c>
      <c r="DG84" s="23">
        <v>42.7</v>
      </c>
      <c r="DH84" s="50">
        <v>19943</v>
      </c>
      <c r="DI84" s="51">
        <v>20001</v>
      </c>
      <c r="DJ84" s="51">
        <v>8603</v>
      </c>
      <c r="DK84" s="51">
        <v>8612</v>
      </c>
      <c r="DL84" s="57">
        <f t="shared" si="8"/>
        <v>43.137943137943132</v>
      </c>
      <c r="DM84" s="23">
        <f t="shared" si="9"/>
        <v>43.057847107644619</v>
      </c>
      <c r="DN84" s="50">
        <v>19437</v>
      </c>
      <c r="DO84" s="51">
        <v>19500</v>
      </c>
      <c r="DP84" s="51">
        <v>8482</v>
      </c>
      <c r="DQ84" s="51">
        <v>8490</v>
      </c>
      <c r="DR84" s="57">
        <f t="shared" si="10"/>
        <v>43.638421567114264</v>
      </c>
      <c r="DS84" s="23">
        <f t="shared" si="11"/>
        <v>43.53846153846154</v>
      </c>
    </row>
    <row r="85" spans="1:123" x14ac:dyDescent="0.2">
      <c r="A85" s="175"/>
      <c r="B85" s="176"/>
      <c r="C85" s="123" t="s">
        <v>62</v>
      </c>
      <c r="D85" s="27">
        <v>15976</v>
      </c>
      <c r="E85" s="25">
        <v>2927</v>
      </c>
      <c r="F85" s="26">
        <v>18.3</v>
      </c>
      <c r="G85" s="27">
        <v>15855</v>
      </c>
      <c r="H85" s="25">
        <v>3056</v>
      </c>
      <c r="I85" s="28">
        <v>19.3</v>
      </c>
      <c r="J85" s="24">
        <v>15598</v>
      </c>
      <c r="K85" s="25">
        <v>3075</v>
      </c>
      <c r="L85" s="26">
        <v>19.7</v>
      </c>
      <c r="M85" s="27">
        <v>15443</v>
      </c>
      <c r="N85" s="25">
        <v>3142</v>
      </c>
      <c r="O85" s="28">
        <v>20.3</v>
      </c>
      <c r="P85" s="24">
        <v>15243</v>
      </c>
      <c r="Q85" s="25">
        <v>3227</v>
      </c>
      <c r="R85" s="26">
        <v>21.2</v>
      </c>
      <c r="S85" s="27">
        <v>14966</v>
      </c>
      <c r="T85" s="25">
        <v>3295</v>
      </c>
      <c r="U85" s="62">
        <v>22</v>
      </c>
      <c r="V85" s="24">
        <v>14754</v>
      </c>
      <c r="W85" s="25">
        <v>3377</v>
      </c>
      <c r="X85" s="63">
        <v>22.9</v>
      </c>
      <c r="Y85" s="27">
        <v>14484</v>
      </c>
      <c r="Z85" s="25">
        <v>3398</v>
      </c>
      <c r="AA85" s="62">
        <v>23.5</v>
      </c>
      <c r="AB85" s="24">
        <v>14374</v>
      </c>
      <c r="AC85" s="25">
        <v>3429</v>
      </c>
      <c r="AD85" s="63">
        <v>23.9</v>
      </c>
      <c r="AE85" s="27">
        <v>14250</v>
      </c>
      <c r="AF85" s="25">
        <v>3463</v>
      </c>
      <c r="AG85" s="62">
        <v>24.3</v>
      </c>
      <c r="AH85" s="24">
        <v>14007</v>
      </c>
      <c r="AI85" s="25">
        <v>3477</v>
      </c>
      <c r="AJ85" s="63">
        <v>24.8</v>
      </c>
      <c r="AK85" s="27">
        <v>13792</v>
      </c>
      <c r="AL85" s="25">
        <v>3462</v>
      </c>
      <c r="AM85" s="62">
        <v>25.1</v>
      </c>
      <c r="AN85" s="24">
        <v>13440</v>
      </c>
      <c r="AO85" s="25">
        <v>3529</v>
      </c>
      <c r="AP85" s="63">
        <v>26.3</v>
      </c>
      <c r="AQ85" s="27">
        <v>13035</v>
      </c>
      <c r="AR85" s="25">
        <v>3505</v>
      </c>
      <c r="AS85" s="62">
        <v>26.9</v>
      </c>
      <c r="AT85" s="24">
        <v>12762</v>
      </c>
      <c r="AU85" s="25">
        <v>3515</v>
      </c>
      <c r="AV85" s="63">
        <v>27.5</v>
      </c>
      <c r="AW85" s="27">
        <v>12507</v>
      </c>
      <c r="AX85" s="25">
        <v>3524</v>
      </c>
      <c r="AY85" s="28">
        <v>28.2</v>
      </c>
      <c r="AZ85" s="24">
        <v>12280</v>
      </c>
      <c r="BA85" s="25">
        <v>3483</v>
      </c>
      <c r="BB85" s="63">
        <v>28.4</v>
      </c>
      <c r="BC85" s="27">
        <v>11929</v>
      </c>
      <c r="BD85" s="25">
        <v>3499</v>
      </c>
      <c r="BE85" s="28">
        <v>29.3</v>
      </c>
      <c r="BF85" s="24">
        <v>11667</v>
      </c>
      <c r="BG85" s="25">
        <v>11687</v>
      </c>
      <c r="BH85" s="25">
        <v>3532</v>
      </c>
      <c r="BI85" s="25">
        <v>3532</v>
      </c>
      <c r="BJ85" s="64">
        <v>30.3</v>
      </c>
      <c r="BK85" s="26">
        <v>30.2</v>
      </c>
      <c r="BL85" s="27">
        <v>11553</v>
      </c>
      <c r="BM85" s="25">
        <v>11570</v>
      </c>
      <c r="BN85" s="25">
        <v>3542</v>
      </c>
      <c r="BO85" s="25">
        <v>3542</v>
      </c>
      <c r="BP85" s="34">
        <v>30.7</v>
      </c>
      <c r="BQ85" s="62">
        <v>30.6</v>
      </c>
      <c r="BR85" s="24">
        <v>11319</v>
      </c>
      <c r="BS85" s="25">
        <v>11340</v>
      </c>
      <c r="BT85" s="25">
        <v>3637</v>
      </c>
      <c r="BU85" s="25">
        <v>3637</v>
      </c>
      <c r="BV85" s="34">
        <v>32.1</v>
      </c>
      <c r="BW85" s="26">
        <v>32.1</v>
      </c>
      <c r="BX85" s="65">
        <v>11038</v>
      </c>
      <c r="BY85" s="25">
        <v>11061</v>
      </c>
      <c r="BZ85" s="73">
        <v>3688</v>
      </c>
      <c r="CA85" s="25">
        <v>3688</v>
      </c>
      <c r="CB85" s="34">
        <v>33.4</v>
      </c>
      <c r="CC85" s="28">
        <v>33.299999999999997</v>
      </c>
      <c r="CD85" s="24">
        <v>10777</v>
      </c>
      <c r="CE85" s="25">
        <v>10802</v>
      </c>
      <c r="CF85" s="25">
        <v>3697</v>
      </c>
      <c r="CG85" s="25">
        <v>3697</v>
      </c>
      <c r="CH85" s="34">
        <v>34.299999999999997</v>
      </c>
      <c r="CI85" s="26">
        <v>34.200000000000003</v>
      </c>
      <c r="CJ85" s="27">
        <v>10522</v>
      </c>
      <c r="CK85" s="25">
        <v>10547</v>
      </c>
      <c r="CL85" s="25">
        <v>3736</v>
      </c>
      <c r="CM85" s="25">
        <v>3742</v>
      </c>
      <c r="CN85" s="34">
        <v>35.5</v>
      </c>
      <c r="CO85" s="28">
        <v>35.5</v>
      </c>
      <c r="CP85" s="24">
        <v>10254</v>
      </c>
      <c r="CQ85" s="25">
        <v>10281</v>
      </c>
      <c r="CR85" s="25">
        <v>3687</v>
      </c>
      <c r="CS85" s="25">
        <v>3693</v>
      </c>
      <c r="CT85" s="34">
        <v>36</v>
      </c>
      <c r="CU85" s="36">
        <v>35.9</v>
      </c>
      <c r="CV85" s="24">
        <v>9968</v>
      </c>
      <c r="CW85" s="25">
        <v>10003</v>
      </c>
      <c r="CX85" s="25">
        <v>3636</v>
      </c>
      <c r="CY85" s="25">
        <v>3643</v>
      </c>
      <c r="CZ85" s="34">
        <f t="shared" si="6"/>
        <v>36.5</v>
      </c>
      <c r="DA85" s="36">
        <f t="shared" si="7"/>
        <v>36.4</v>
      </c>
      <c r="DB85" s="24">
        <v>9727</v>
      </c>
      <c r="DC85" s="25">
        <v>9768</v>
      </c>
      <c r="DD85" s="25">
        <v>3623</v>
      </c>
      <c r="DE85" s="25">
        <v>3629</v>
      </c>
      <c r="DF85" s="34">
        <v>37.200000000000003</v>
      </c>
      <c r="DG85" s="36">
        <v>37.200000000000003</v>
      </c>
      <c r="DH85" s="24">
        <v>9484</v>
      </c>
      <c r="DI85" s="25">
        <v>9518</v>
      </c>
      <c r="DJ85" s="25">
        <v>3553</v>
      </c>
      <c r="DK85" s="25">
        <v>3557</v>
      </c>
      <c r="DL85" s="34">
        <f t="shared" si="8"/>
        <v>37.463095740194014</v>
      </c>
      <c r="DM85" s="36">
        <f t="shared" si="9"/>
        <v>37.371296490859422</v>
      </c>
      <c r="DN85" s="24">
        <v>9224</v>
      </c>
      <c r="DO85" s="25">
        <v>9258</v>
      </c>
      <c r="DP85" s="25">
        <v>3499</v>
      </c>
      <c r="DQ85" s="25">
        <v>3503</v>
      </c>
      <c r="DR85" s="34">
        <f t="shared" si="10"/>
        <v>37.933651344319166</v>
      </c>
      <c r="DS85" s="36">
        <f t="shared" si="11"/>
        <v>37.83754590624325</v>
      </c>
    </row>
    <row r="86" spans="1:123" x14ac:dyDescent="0.2">
      <c r="A86" s="175"/>
      <c r="B86" s="176"/>
      <c r="C86" s="122" t="s">
        <v>63</v>
      </c>
      <c r="D86" s="40">
        <v>17126</v>
      </c>
      <c r="E86" s="38">
        <v>3933</v>
      </c>
      <c r="F86" s="39">
        <v>23</v>
      </c>
      <c r="G86" s="40">
        <v>17016</v>
      </c>
      <c r="H86" s="38">
        <v>4086</v>
      </c>
      <c r="I86" s="41">
        <v>24</v>
      </c>
      <c r="J86" s="37">
        <v>16804</v>
      </c>
      <c r="K86" s="38">
        <v>4160</v>
      </c>
      <c r="L86" s="39">
        <v>24.8</v>
      </c>
      <c r="M86" s="40">
        <v>16629</v>
      </c>
      <c r="N86" s="38">
        <v>4280</v>
      </c>
      <c r="O86" s="41">
        <v>25.7</v>
      </c>
      <c r="P86" s="37">
        <v>16425</v>
      </c>
      <c r="Q86" s="38">
        <v>4379</v>
      </c>
      <c r="R86" s="39">
        <v>26.7</v>
      </c>
      <c r="S86" s="40">
        <v>16182</v>
      </c>
      <c r="T86" s="38">
        <v>4467</v>
      </c>
      <c r="U86" s="67">
        <v>27.6</v>
      </c>
      <c r="V86" s="37">
        <v>16034</v>
      </c>
      <c r="W86" s="38">
        <v>4578</v>
      </c>
      <c r="X86" s="68">
        <v>28.6</v>
      </c>
      <c r="Y86" s="40">
        <v>15799</v>
      </c>
      <c r="Z86" s="38">
        <v>4657</v>
      </c>
      <c r="AA86" s="67">
        <v>29.5</v>
      </c>
      <c r="AB86" s="37">
        <v>15647</v>
      </c>
      <c r="AC86" s="38">
        <v>4737</v>
      </c>
      <c r="AD86" s="68">
        <v>30.3</v>
      </c>
      <c r="AE86" s="40">
        <v>15416</v>
      </c>
      <c r="AF86" s="38">
        <v>4830</v>
      </c>
      <c r="AG86" s="67">
        <v>31.3</v>
      </c>
      <c r="AH86" s="37">
        <v>15228</v>
      </c>
      <c r="AI86" s="38">
        <v>4879</v>
      </c>
      <c r="AJ86" s="68">
        <v>32</v>
      </c>
      <c r="AK86" s="40">
        <v>15023</v>
      </c>
      <c r="AL86" s="38">
        <v>4970</v>
      </c>
      <c r="AM86" s="67">
        <v>33.1</v>
      </c>
      <c r="AN86" s="37">
        <v>14734</v>
      </c>
      <c r="AO86" s="38">
        <v>5031</v>
      </c>
      <c r="AP86" s="68">
        <v>34.1</v>
      </c>
      <c r="AQ86" s="40">
        <v>14464</v>
      </c>
      <c r="AR86" s="38">
        <v>5078</v>
      </c>
      <c r="AS86" s="67">
        <v>35.1</v>
      </c>
      <c r="AT86" s="37">
        <v>14176</v>
      </c>
      <c r="AU86" s="38">
        <v>5088</v>
      </c>
      <c r="AV86" s="68">
        <v>35.9</v>
      </c>
      <c r="AW86" s="40">
        <v>13942</v>
      </c>
      <c r="AX86" s="38">
        <v>5124</v>
      </c>
      <c r="AY86" s="41">
        <v>36.799999999999997</v>
      </c>
      <c r="AZ86" s="37">
        <v>13690</v>
      </c>
      <c r="BA86" s="38">
        <v>5119</v>
      </c>
      <c r="BB86" s="68">
        <v>37.4</v>
      </c>
      <c r="BC86" s="40">
        <v>13383</v>
      </c>
      <c r="BD86" s="38">
        <v>5140</v>
      </c>
      <c r="BE86" s="41">
        <v>38.4</v>
      </c>
      <c r="BF86" s="37">
        <v>13101</v>
      </c>
      <c r="BG86" s="38">
        <v>13124</v>
      </c>
      <c r="BH86" s="38">
        <v>5178</v>
      </c>
      <c r="BI86" s="38">
        <v>5178</v>
      </c>
      <c r="BJ86" s="69">
        <v>39.5</v>
      </c>
      <c r="BK86" s="39">
        <v>39.5</v>
      </c>
      <c r="BL86" s="40">
        <v>12893</v>
      </c>
      <c r="BM86" s="38">
        <v>12918</v>
      </c>
      <c r="BN86" s="38">
        <v>5181</v>
      </c>
      <c r="BO86" s="38">
        <v>5181</v>
      </c>
      <c r="BP86" s="47">
        <v>40.200000000000003</v>
      </c>
      <c r="BQ86" s="67">
        <v>40.1</v>
      </c>
      <c r="BR86" s="37">
        <v>12616</v>
      </c>
      <c r="BS86" s="38">
        <v>12644</v>
      </c>
      <c r="BT86" s="38">
        <v>5253</v>
      </c>
      <c r="BU86" s="38">
        <v>5253</v>
      </c>
      <c r="BV86" s="47">
        <v>41.6</v>
      </c>
      <c r="BW86" s="39">
        <v>41.5</v>
      </c>
      <c r="BX86" s="70">
        <v>12305</v>
      </c>
      <c r="BY86" s="38">
        <v>12329</v>
      </c>
      <c r="BZ86" s="74">
        <v>5297</v>
      </c>
      <c r="CA86" s="38">
        <v>5297</v>
      </c>
      <c r="CB86" s="47">
        <v>43</v>
      </c>
      <c r="CC86" s="41">
        <v>43</v>
      </c>
      <c r="CD86" s="37">
        <v>11898</v>
      </c>
      <c r="CE86" s="38">
        <v>11922</v>
      </c>
      <c r="CF86" s="38">
        <v>5293</v>
      </c>
      <c r="CG86" s="38">
        <v>5293</v>
      </c>
      <c r="CH86" s="47">
        <v>44.5</v>
      </c>
      <c r="CI86" s="39">
        <v>44.4</v>
      </c>
      <c r="CJ86" s="40">
        <v>11638</v>
      </c>
      <c r="CK86" s="38">
        <v>11664</v>
      </c>
      <c r="CL86" s="38">
        <v>5313</v>
      </c>
      <c r="CM86" s="38">
        <v>5315</v>
      </c>
      <c r="CN86" s="47">
        <v>45.7</v>
      </c>
      <c r="CO86" s="41">
        <v>45.6</v>
      </c>
      <c r="CP86" s="37">
        <v>11298</v>
      </c>
      <c r="CQ86" s="38">
        <v>11321</v>
      </c>
      <c r="CR86" s="38">
        <v>5240</v>
      </c>
      <c r="CS86" s="38">
        <v>5245</v>
      </c>
      <c r="CT86" s="47">
        <v>46.4</v>
      </c>
      <c r="CU86" s="49">
        <v>46.3</v>
      </c>
      <c r="CV86" s="37">
        <v>11033</v>
      </c>
      <c r="CW86" s="38">
        <v>11055</v>
      </c>
      <c r="CX86" s="38">
        <v>5212</v>
      </c>
      <c r="CY86" s="38">
        <v>5217</v>
      </c>
      <c r="CZ86" s="47">
        <f t="shared" si="6"/>
        <v>47.2</v>
      </c>
      <c r="DA86" s="49">
        <f t="shared" si="7"/>
        <v>47.2</v>
      </c>
      <c r="DB86" s="37">
        <v>10713</v>
      </c>
      <c r="DC86" s="38">
        <v>10736</v>
      </c>
      <c r="DD86" s="38">
        <v>5112</v>
      </c>
      <c r="DE86" s="38">
        <v>5116</v>
      </c>
      <c r="DF86" s="47">
        <v>47.7</v>
      </c>
      <c r="DG86" s="49">
        <v>47.7</v>
      </c>
      <c r="DH86" s="37">
        <v>10459</v>
      </c>
      <c r="DI86" s="38">
        <v>10483</v>
      </c>
      <c r="DJ86" s="38">
        <v>5050</v>
      </c>
      <c r="DK86" s="38">
        <v>5055</v>
      </c>
      <c r="DL86" s="21">
        <f t="shared" si="8"/>
        <v>48.283774739458842</v>
      </c>
      <c r="DM86" s="23">
        <f t="shared" si="9"/>
        <v>48.220929123342557</v>
      </c>
      <c r="DN86" s="37">
        <v>10213</v>
      </c>
      <c r="DO86" s="38">
        <v>10242</v>
      </c>
      <c r="DP86" s="38">
        <v>4983</v>
      </c>
      <c r="DQ86" s="38">
        <v>4987</v>
      </c>
      <c r="DR86" s="21">
        <f t="shared" si="10"/>
        <v>48.790756878488203</v>
      </c>
      <c r="DS86" s="23">
        <f t="shared" si="11"/>
        <v>48.691661784807657</v>
      </c>
    </row>
    <row r="87" spans="1:123" x14ac:dyDescent="0.2">
      <c r="A87" s="175" t="s">
        <v>39</v>
      </c>
      <c r="B87" s="176"/>
      <c r="C87" s="121" t="s">
        <v>61</v>
      </c>
      <c r="D87" s="53">
        <v>23272</v>
      </c>
      <c r="E87" s="51">
        <v>5099</v>
      </c>
      <c r="F87" s="52">
        <v>21.9</v>
      </c>
      <c r="G87" s="53">
        <v>22919</v>
      </c>
      <c r="H87" s="51">
        <v>5288</v>
      </c>
      <c r="I87" s="54">
        <v>23.1</v>
      </c>
      <c r="J87" s="50">
        <v>22470</v>
      </c>
      <c r="K87" s="51">
        <v>5393</v>
      </c>
      <c r="L87" s="52">
        <v>24</v>
      </c>
      <c r="M87" s="53">
        <v>22136</v>
      </c>
      <c r="N87" s="51">
        <v>5624</v>
      </c>
      <c r="O87" s="54">
        <v>25.4</v>
      </c>
      <c r="P87" s="50">
        <v>21742</v>
      </c>
      <c r="Q87" s="51">
        <v>5770</v>
      </c>
      <c r="R87" s="52">
        <v>26.5</v>
      </c>
      <c r="S87" s="53">
        <v>21443</v>
      </c>
      <c r="T87" s="51">
        <v>5904</v>
      </c>
      <c r="U87" s="58">
        <v>27.5</v>
      </c>
      <c r="V87" s="50">
        <v>21046</v>
      </c>
      <c r="W87" s="51">
        <v>6032</v>
      </c>
      <c r="X87" s="55">
        <v>28.7</v>
      </c>
      <c r="Y87" s="53">
        <v>20678</v>
      </c>
      <c r="Z87" s="51">
        <v>6134</v>
      </c>
      <c r="AA87" s="58">
        <v>29.7</v>
      </c>
      <c r="AB87" s="50">
        <v>20268</v>
      </c>
      <c r="AC87" s="51">
        <v>6241</v>
      </c>
      <c r="AD87" s="55">
        <v>30.8</v>
      </c>
      <c r="AE87" s="53">
        <v>19789</v>
      </c>
      <c r="AF87" s="51">
        <v>6319</v>
      </c>
      <c r="AG87" s="58">
        <v>31.9</v>
      </c>
      <c r="AH87" s="50">
        <v>19502</v>
      </c>
      <c r="AI87" s="51">
        <v>6389</v>
      </c>
      <c r="AJ87" s="55">
        <v>32.799999999999997</v>
      </c>
      <c r="AK87" s="53">
        <v>19069</v>
      </c>
      <c r="AL87" s="51">
        <v>6405</v>
      </c>
      <c r="AM87" s="58">
        <v>33.6</v>
      </c>
      <c r="AN87" s="50">
        <v>18608</v>
      </c>
      <c r="AO87" s="51">
        <v>6434</v>
      </c>
      <c r="AP87" s="55">
        <v>34.6</v>
      </c>
      <c r="AQ87" s="53">
        <v>18071</v>
      </c>
      <c r="AR87" s="51">
        <v>6471</v>
      </c>
      <c r="AS87" s="58">
        <v>35.799999999999997</v>
      </c>
      <c r="AT87" s="50">
        <v>17610</v>
      </c>
      <c r="AU87" s="51">
        <v>6505</v>
      </c>
      <c r="AV87" s="55">
        <v>36.9</v>
      </c>
      <c r="AW87" s="53">
        <v>17211</v>
      </c>
      <c r="AX87" s="51">
        <v>6473</v>
      </c>
      <c r="AY87" s="54">
        <v>37.6</v>
      </c>
      <c r="AZ87" s="50">
        <v>16859</v>
      </c>
      <c r="BA87" s="51">
        <v>6382</v>
      </c>
      <c r="BB87" s="55">
        <v>37.9</v>
      </c>
      <c r="BC87" s="53">
        <v>16465</v>
      </c>
      <c r="BD87" s="51">
        <v>6403</v>
      </c>
      <c r="BE87" s="54">
        <v>38.9</v>
      </c>
      <c r="BF87" s="50">
        <v>16136</v>
      </c>
      <c r="BG87" s="51">
        <v>16196</v>
      </c>
      <c r="BH87" s="51">
        <v>6453</v>
      </c>
      <c r="BI87" s="51">
        <v>6456</v>
      </c>
      <c r="BJ87" s="56">
        <v>40</v>
      </c>
      <c r="BK87" s="52">
        <v>39.9</v>
      </c>
      <c r="BL87" s="53">
        <v>15813</v>
      </c>
      <c r="BM87" s="51">
        <v>15870</v>
      </c>
      <c r="BN87" s="51">
        <v>6433</v>
      </c>
      <c r="BO87" s="51">
        <v>6436</v>
      </c>
      <c r="BP87" s="57">
        <v>40.700000000000003</v>
      </c>
      <c r="BQ87" s="58">
        <v>40.6</v>
      </c>
      <c r="BR87" s="50">
        <v>15362</v>
      </c>
      <c r="BS87" s="51">
        <v>15404</v>
      </c>
      <c r="BT87" s="51">
        <v>6475</v>
      </c>
      <c r="BU87" s="51">
        <v>6475</v>
      </c>
      <c r="BV87" s="57">
        <v>42.1</v>
      </c>
      <c r="BW87" s="52">
        <v>42</v>
      </c>
      <c r="BX87" s="59">
        <v>14940</v>
      </c>
      <c r="BY87" s="51">
        <v>14974</v>
      </c>
      <c r="BZ87" s="72">
        <v>6417</v>
      </c>
      <c r="CA87" s="51">
        <v>6417</v>
      </c>
      <c r="CB87" s="57">
        <v>43</v>
      </c>
      <c r="CC87" s="54">
        <v>42.9</v>
      </c>
      <c r="CD87" s="50">
        <v>14472</v>
      </c>
      <c r="CE87" s="51">
        <v>14512</v>
      </c>
      <c r="CF87" s="51">
        <v>6386</v>
      </c>
      <c r="CG87" s="51">
        <v>6386</v>
      </c>
      <c r="CH87" s="57">
        <v>44.1</v>
      </c>
      <c r="CI87" s="52">
        <v>44</v>
      </c>
      <c r="CJ87" s="53">
        <v>13980</v>
      </c>
      <c r="CK87" s="51">
        <v>14014</v>
      </c>
      <c r="CL87" s="51">
        <v>6285</v>
      </c>
      <c r="CM87" s="51">
        <v>6285</v>
      </c>
      <c r="CN87" s="57">
        <v>45</v>
      </c>
      <c r="CO87" s="54">
        <v>44.8</v>
      </c>
      <c r="CP87" s="50">
        <v>13608</v>
      </c>
      <c r="CQ87" s="51">
        <v>13635</v>
      </c>
      <c r="CR87" s="51">
        <v>6232</v>
      </c>
      <c r="CS87" s="51">
        <v>6232</v>
      </c>
      <c r="CT87" s="57">
        <v>45.8</v>
      </c>
      <c r="CU87" s="61">
        <v>45.7</v>
      </c>
      <c r="CV87" s="50">
        <v>13168</v>
      </c>
      <c r="CW87" s="51">
        <v>13204</v>
      </c>
      <c r="CX87" s="51">
        <v>6142</v>
      </c>
      <c r="CY87" s="51">
        <v>6142</v>
      </c>
      <c r="CZ87" s="21">
        <f t="shared" si="6"/>
        <v>46.6</v>
      </c>
      <c r="DA87" s="23">
        <f t="shared" si="7"/>
        <v>46.5</v>
      </c>
      <c r="DB87" s="50">
        <v>12757</v>
      </c>
      <c r="DC87" s="51">
        <v>12774</v>
      </c>
      <c r="DD87" s="51">
        <v>6012</v>
      </c>
      <c r="DE87" s="51">
        <v>6012</v>
      </c>
      <c r="DF87" s="21">
        <v>47.1</v>
      </c>
      <c r="DG87" s="23">
        <v>47.1</v>
      </c>
      <c r="DH87" s="50">
        <v>12413</v>
      </c>
      <c r="DI87" s="51">
        <v>12430</v>
      </c>
      <c r="DJ87" s="51">
        <v>5897</v>
      </c>
      <c r="DK87" s="51">
        <v>5897</v>
      </c>
      <c r="DL87" s="57">
        <f t="shared" si="8"/>
        <v>47.506646257955367</v>
      </c>
      <c r="DM87" s="61">
        <f t="shared" si="9"/>
        <v>47.441673370876913</v>
      </c>
      <c r="DN87" s="50">
        <v>11957</v>
      </c>
      <c r="DO87" s="51">
        <v>11976</v>
      </c>
      <c r="DP87" s="51">
        <v>5707</v>
      </c>
      <c r="DQ87" s="51">
        <v>5707</v>
      </c>
      <c r="DR87" s="57">
        <f t="shared" si="10"/>
        <v>47.729363552730618</v>
      </c>
      <c r="DS87" s="61">
        <f t="shared" si="11"/>
        <v>47.653640614562462</v>
      </c>
    </row>
    <row r="88" spans="1:123" x14ac:dyDescent="0.2">
      <c r="A88" s="175"/>
      <c r="B88" s="176"/>
      <c r="C88" s="123" t="s">
        <v>62</v>
      </c>
      <c r="D88" s="27">
        <v>11128</v>
      </c>
      <c r="E88" s="25">
        <v>2229</v>
      </c>
      <c r="F88" s="26">
        <v>20</v>
      </c>
      <c r="G88" s="27">
        <v>10927</v>
      </c>
      <c r="H88" s="25">
        <v>2314</v>
      </c>
      <c r="I88" s="28">
        <v>21.2</v>
      </c>
      <c r="J88" s="24">
        <v>10656</v>
      </c>
      <c r="K88" s="25">
        <v>2334</v>
      </c>
      <c r="L88" s="26">
        <v>21.9</v>
      </c>
      <c r="M88" s="27">
        <v>10500</v>
      </c>
      <c r="N88" s="25">
        <v>2429</v>
      </c>
      <c r="O88" s="28">
        <v>23.1</v>
      </c>
      <c r="P88" s="24">
        <v>10283</v>
      </c>
      <c r="Q88" s="25">
        <v>2474</v>
      </c>
      <c r="R88" s="26">
        <v>24.1</v>
      </c>
      <c r="S88" s="27">
        <v>10122</v>
      </c>
      <c r="T88" s="25">
        <v>2543</v>
      </c>
      <c r="U88" s="62">
        <v>25.1</v>
      </c>
      <c r="V88" s="24">
        <v>9931</v>
      </c>
      <c r="W88" s="25">
        <v>2604</v>
      </c>
      <c r="X88" s="63">
        <v>26.2</v>
      </c>
      <c r="Y88" s="27">
        <v>9714</v>
      </c>
      <c r="Z88" s="25">
        <v>2632</v>
      </c>
      <c r="AA88" s="62">
        <v>27.1</v>
      </c>
      <c r="AB88" s="24">
        <v>9503</v>
      </c>
      <c r="AC88" s="25">
        <v>2638</v>
      </c>
      <c r="AD88" s="63">
        <v>27.8</v>
      </c>
      <c r="AE88" s="27">
        <v>9258</v>
      </c>
      <c r="AF88" s="25">
        <v>2673</v>
      </c>
      <c r="AG88" s="62">
        <v>28.9</v>
      </c>
      <c r="AH88" s="24">
        <v>9102</v>
      </c>
      <c r="AI88" s="25">
        <v>2696</v>
      </c>
      <c r="AJ88" s="63">
        <v>29.6</v>
      </c>
      <c r="AK88" s="27">
        <v>8874</v>
      </c>
      <c r="AL88" s="25">
        <v>2695</v>
      </c>
      <c r="AM88" s="62">
        <v>30.4</v>
      </c>
      <c r="AN88" s="24">
        <v>8665</v>
      </c>
      <c r="AO88" s="25">
        <v>2719</v>
      </c>
      <c r="AP88" s="63">
        <v>31.4</v>
      </c>
      <c r="AQ88" s="27">
        <v>8382</v>
      </c>
      <c r="AR88" s="25">
        <v>2733</v>
      </c>
      <c r="AS88" s="62">
        <v>32.6</v>
      </c>
      <c r="AT88" s="24">
        <v>8147</v>
      </c>
      <c r="AU88" s="25">
        <v>2734</v>
      </c>
      <c r="AV88" s="63">
        <v>33.6</v>
      </c>
      <c r="AW88" s="27">
        <v>7948</v>
      </c>
      <c r="AX88" s="25">
        <v>2727</v>
      </c>
      <c r="AY88" s="28">
        <v>34.299999999999997</v>
      </c>
      <c r="AZ88" s="24">
        <v>7772</v>
      </c>
      <c r="BA88" s="25">
        <v>2653</v>
      </c>
      <c r="BB88" s="63">
        <v>34.1</v>
      </c>
      <c r="BC88" s="27">
        <v>7558</v>
      </c>
      <c r="BD88" s="25">
        <v>2620</v>
      </c>
      <c r="BE88" s="28">
        <v>34.700000000000003</v>
      </c>
      <c r="BF88" s="24">
        <v>7389</v>
      </c>
      <c r="BG88" s="25">
        <v>7403</v>
      </c>
      <c r="BH88" s="25">
        <v>2629</v>
      </c>
      <c r="BI88" s="25">
        <v>2631</v>
      </c>
      <c r="BJ88" s="64">
        <v>35.6</v>
      </c>
      <c r="BK88" s="26">
        <v>35.5</v>
      </c>
      <c r="BL88" s="27">
        <v>7241</v>
      </c>
      <c r="BM88" s="25">
        <v>7253</v>
      </c>
      <c r="BN88" s="25">
        <v>2633</v>
      </c>
      <c r="BO88" s="25">
        <v>2635</v>
      </c>
      <c r="BP88" s="34">
        <v>36.4</v>
      </c>
      <c r="BQ88" s="62">
        <v>36.299999999999997</v>
      </c>
      <c r="BR88" s="24">
        <v>7029</v>
      </c>
      <c r="BS88" s="25">
        <v>7036</v>
      </c>
      <c r="BT88" s="25">
        <v>2643</v>
      </c>
      <c r="BU88" s="25">
        <v>2643</v>
      </c>
      <c r="BV88" s="34">
        <v>37.6</v>
      </c>
      <c r="BW88" s="26">
        <v>37.6</v>
      </c>
      <c r="BX88" s="65">
        <v>6837</v>
      </c>
      <c r="BY88" s="25">
        <v>6844</v>
      </c>
      <c r="BZ88" s="73">
        <v>2611</v>
      </c>
      <c r="CA88" s="25">
        <v>2611</v>
      </c>
      <c r="CB88" s="34">
        <v>38.200000000000003</v>
      </c>
      <c r="CC88" s="28">
        <v>38.200000000000003</v>
      </c>
      <c r="CD88" s="24">
        <v>6626</v>
      </c>
      <c r="CE88" s="25">
        <v>6633</v>
      </c>
      <c r="CF88" s="25">
        <v>2589</v>
      </c>
      <c r="CG88" s="25">
        <v>2589</v>
      </c>
      <c r="CH88" s="34">
        <v>39.1</v>
      </c>
      <c r="CI88" s="26">
        <v>39</v>
      </c>
      <c r="CJ88" s="27">
        <v>6384</v>
      </c>
      <c r="CK88" s="25">
        <v>6393</v>
      </c>
      <c r="CL88" s="25">
        <v>2545</v>
      </c>
      <c r="CM88" s="25">
        <v>2545</v>
      </c>
      <c r="CN88" s="34">
        <v>39.9</v>
      </c>
      <c r="CO88" s="28">
        <v>39.799999999999997</v>
      </c>
      <c r="CP88" s="24">
        <v>6216</v>
      </c>
      <c r="CQ88" s="25">
        <v>6222</v>
      </c>
      <c r="CR88" s="25">
        <v>2517</v>
      </c>
      <c r="CS88" s="25">
        <v>2517</v>
      </c>
      <c r="CT88" s="34">
        <v>40.5</v>
      </c>
      <c r="CU88" s="36">
        <v>40.5</v>
      </c>
      <c r="CV88" s="24">
        <v>6028</v>
      </c>
      <c r="CW88" s="25">
        <v>6036</v>
      </c>
      <c r="CX88" s="25">
        <v>2505</v>
      </c>
      <c r="CY88" s="25">
        <v>2505</v>
      </c>
      <c r="CZ88" s="34">
        <f t="shared" si="6"/>
        <v>41.6</v>
      </c>
      <c r="DA88" s="36">
        <f t="shared" si="7"/>
        <v>41.5</v>
      </c>
      <c r="DB88" s="24">
        <v>5850</v>
      </c>
      <c r="DC88" s="25">
        <v>5856</v>
      </c>
      <c r="DD88" s="25">
        <v>2431</v>
      </c>
      <c r="DE88" s="25">
        <v>2431</v>
      </c>
      <c r="DF88" s="34">
        <v>41.6</v>
      </c>
      <c r="DG88" s="36">
        <v>41.5</v>
      </c>
      <c r="DH88" s="24">
        <v>5682</v>
      </c>
      <c r="DI88" s="25">
        <v>5688</v>
      </c>
      <c r="DJ88" s="25">
        <v>2369</v>
      </c>
      <c r="DK88" s="25">
        <v>2369</v>
      </c>
      <c r="DL88" s="34">
        <f t="shared" si="8"/>
        <v>41.693065821893697</v>
      </c>
      <c r="DM88" s="36">
        <f t="shared" si="9"/>
        <v>41.649085794655413</v>
      </c>
      <c r="DN88" s="24">
        <v>5487</v>
      </c>
      <c r="DO88" s="25">
        <v>5494</v>
      </c>
      <c r="DP88" s="25">
        <v>2300</v>
      </c>
      <c r="DQ88" s="25">
        <v>2300</v>
      </c>
      <c r="DR88" s="34">
        <f t="shared" si="10"/>
        <v>41.917258975760888</v>
      </c>
      <c r="DS88" s="36">
        <f t="shared" si="11"/>
        <v>41.86385147433564</v>
      </c>
    </row>
    <row r="89" spans="1:123" x14ac:dyDescent="0.2">
      <c r="A89" s="175"/>
      <c r="B89" s="176"/>
      <c r="C89" s="122" t="s">
        <v>63</v>
      </c>
      <c r="D89" s="40">
        <v>12144</v>
      </c>
      <c r="E89" s="38">
        <v>2870</v>
      </c>
      <c r="F89" s="39">
        <v>23.6</v>
      </c>
      <c r="G89" s="40">
        <v>11992</v>
      </c>
      <c r="H89" s="38">
        <v>2974</v>
      </c>
      <c r="I89" s="41">
        <v>24.8</v>
      </c>
      <c r="J89" s="37">
        <v>11814</v>
      </c>
      <c r="K89" s="38">
        <v>3059</v>
      </c>
      <c r="L89" s="39">
        <v>25.9</v>
      </c>
      <c r="M89" s="40">
        <v>11636</v>
      </c>
      <c r="N89" s="38">
        <v>3195</v>
      </c>
      <c r="O89" s="41">
        <v>27.5</v>
      </c>
      <c r="P89" s="37">
        <v>11459</v>
      </c>
      <c r="Q89" s="38">
        <v>3296</v>
      </c>
      <c r="R89" s="39">
        <v>28.8</v>
      </c>
      <c r="S89" s="40">
        <v>11321</v>
      </c>
      <c r="T89" s="38">
        <v>3361</v>
      </c>
      <c r="U89" s="67">
        <v>29.7</v>
      </c>
      <c r="V89" s="37">
        <v>11115</v>
      </c>
      <c r="W89" s="38">
        <v>3428</v>
      </c>
      <c r="X89" s="68">
        <v>30.8</v>
      </c>
      <c r="Y89" s="40">
        <v>10964</v>
      </c>
      <c r="Z89" s="38">
        <v>3502</v>
      </c>
      <c r="AA89" s="67">
        <v>31.9</v>
      </c>
      <c r="AB89" s="37">
        <v>10765</v>
      </c>
      <c r="AC89" s="38">
        <v>3603</v>
      </c>
      <c r="AD89" s="68">
        <v>33.5</v>
      </c>
      <c r="AE89" s="40">
        <v>10531</v>
      </c>
      <c r="AF89" s="38">
        <v>3646</v>
      </c>
      <c r="AG89" s="67">
        <v>34.6</v>
      </c>
      <c r="AH89" s="37">
        <v>10400</v>
      </c>
      <c r="AI89" s="38">
        <v>3693</v>
      </c>
      <c r="AJ89" s="68">
        <v>35.5</v>
      </c>
      <c r="AK89" s="40">
        <v>10195</v>
      </c>
      <c r="AL89" s="38">
        <v>3710</v>
      </c>
      <c r="AM89" s="67">
        <v>36.4</v>
      </c>
      <c r="AN89" s="37">
        <v>9943</v>
      </c>
      <c r="AO89" s="38">
        <v>3715</v>
      </c>
      <c r="AP89" s="68">
        <v>37.4</v>
      </c>
      <c r="AQ89" s="40">
        <v>9689</v>
      </c>
      <c r="AR89" s="38">
        <v>3738</v>
      </c>
      <c r="AS89" s="67">
        <v>38.6</v>
      </c>
      <c r="AT89" s="37">
        <v>9463</v>
      </c>
      <c r="AU89" s="38">
        <v>3771</v>
      </c>
      <c r="AV89" s="68">
        <v>39.799999999999997</v>
      </c>
      <c r="AW89" s="40">
        <v>9263</v>
      </c>
      <c r="AX89" s="38">
        <v>3746</v>
      </c>
      <c r="AY89" s="41">
        <v>40.4</v>
      </c>
      <c r="AZ89" s="37">
        <v>9087</v>
      </c>
      <c r="BA89" s="38">
        <v>3729</v>
      </c>
      <c r="BB89" s="68">
        <v>41</v>
      </c>
      <c r="BC89" s="40">
        <v>8907</v>
      </c>
      <c r="BD89" s="38">
        <v>3783</v>
      </c>
      <c r="BE89" s="41">
        <v>42.5</v>
      </c>
      <c r="BF89" s="37">
        <v>8747</v>
      </c>
      <c r="BG89" s="38">
        <v>8793</v>
      </c>
      <c r="BH89" s="38">
        <v>3824</v>
      </c>
      <c r="BI89" s="38">
        <v>3825</v>
      </c>
      <c r="BJ89" s="69">
        <v>43.7</v>
      </c>
      <c r="BK89" s="39">
        <v>43.5</v>
      </c>
      <c r="BL89" s="40">
        <v>8572</v>
      </c>
      <c r="BM89" s="38">
        <v>8617</v>
      </c>
      <c r="BN89" s="38">
        <v>3800</v>
      </c>
      <c r="BO89" s="38">
        <v>3801</v>
      </c>
      <c r="BP89" s="47">
        <v>44.3</v>
      </c>
      <c r="BQ89" s="67">
        <v>44.1</v>
      </c>
      <c r="BR89" s="37">
        <v>8333</v>
      </c>
      <c r="BS89" s="38">
        <v>8368</v>
      </c>
      <c r="BT89" s="38">
        <v>3832</v>
      </c>
      <c r="BU89" s="38">
        <v>3832</v>
      </c>
      <c r="BV89" s="47">
        <v>46</v>
      </c>
      <c r="BW89" s="39">
        <v>45.8</v>
      </c>
      <c r="BX89" s="70">
        <v>8103</v>
      </c>
      <c r="BY89" s="38">
        <v>8130</v>
      </c>
      <c r="BZ89" s="74">
        <v>3806</v>
      </c>
      <c r="CA89" s="38">
        <v>3806</v>
      </c>
      <c r="CB89" s="47">
        <v>47</v>
      </c>
      <c r="CC89" s="41">
        <v>46.8</v>
      </c>
      <c r="CD89" s="37">
        <v>7846</v>
      </c>
      <c r="CE89" s="38">
        <v>7879</v>
      </c>
      <c r="CF89" s="38">
        <v>3797</v>
      </c>
      <c r="CG89" s="38">
        <v>3797</v>
      </c>
      <c r="CH89" s="47">
        <v>48.4</v>
      </c>
      <c r="CI89" s="39">
        <v>48.2</v>
      </c>
      <c r="CJ89" s="40">
        <v>7596</v>
      </c>
      <c r="CK89" s="38">
        <v>7621</v>
      </c>
      <c r="CL89" s="38">
        <v>3740</v>
      </c>
      <c r="CM89" s="38">
        <v>3740</v>
      </c>
      <c r="CN89" s="47">
        <v>49.2</v>
      </c>
      <c r="CO89" s="41">
        <v>49.1</v>
      </c>
      <c r="CP89" s="37">
        <v>7392</v>
      </c>
      <c r="CQ89" s="38">
        <v>7413</v>
      </c>
      <c r="CR89" s="38">
        <v>3715</v>
      </c>
      <c r="CS89" s="38">
        <v>3715</v>
      </c>
      <c r="CT89" s="47">
        <v>50.3</v>
      </c>
      <c r="CU89" s="49">
        <v>50.1</v>
      </c>
      <c r="CV89" s="37">
        <v>7140</v>
      </c>
      <c r="CW89" s="38">
        <v>7168</v>
      </c>
      <c r="CX89" s="38">
        <v>3637</v>
      </c>
      <c r="CY89" s="38">
        <v>3637</v>
      </c>
      <c r="CZ89" s="47">
        <f t="shared" si="6"/>
        <v>50.9</v>
      </c>
      <c r="DA89" s="49">
        <f t="shared" si="7"/>
        <v>50.7</v>
      </c>
      <c r="DB89" s="37">
        <v>6907</v>
      </c>
      <c r="DC89" s="38">
        <v>6918</v>
      </c>
      <c r="DD89" s="38">
        <v>3581</v>
      </c>
      <c r="DE89" s="38">
        <v>3581</v>
      </c>
      <c r="DF89" s="47">
        <v>51.8</v>
      </c>
      <c r="DG89" s="49">
        <v>51.8</v>
      </c>
      <c r="DH89" s="37">
        <v>6731</v>
      </c>
      <c r="DI89" s="38">
        <v>6742</v>
      </c>
      <c r="DJ89" s="38">
        <v>3528</v>
      </c>
      <c r="DK89" s="38">
        <v>3528</v>
      </c>
      <c r="DL89" s="21">
        <f t="shared" si="8"/>
        <v>52.414202941613432</v>
      </c>
      <c r="DM89" s="23">
        <f t="shared" si="9"/>
        <v>52.328685849896175</v>
      </c>
      <c r="DN89" s="37">
        <v>6470</v>
      </c>
      <c r="DO89" s="38">
        <v>6482</v>
      </c>
      <c r="DP89" s="38">
        <v>3407</v>
      </c>
      <c r="DQ89" s="38">
        <v>3407</v>
      </c>
      <c r="DR89" s="21">
        <f t="shared" si="10"/>
        <v>52.658423493044829</v>
      </c>
      <c r="DS89" s="23">
        <f t="shared" si="11"/>
        <v>52.560937982104285</v>
      </c>
    </row>
    <row r="90" spans="1:123" x14ac:dyDescent="0.2">
      <c r="A90" s="175" t="s">
        <v>40</v>
      </c>
      <c r="B90" s="176"/>
      <c r="C90" s="121" t="s">
        <v>61</v>
      </c>
      <c r="D90" s="53">
        <v>111445</v>
      </c>
      <c r="E90" s="51">
        <v>14051</v>
      </c>
      <c r="F90" s="52">
        <v>12.6</v>
      </c>
      <c r="G90" s="53">
        <v>114332</v>
      </c>
      <c r="H90" s="51">
        <v>14923</v>
      </c>
      <c r="I90" s="54">
        <v>13.1</v>
      </c>
      <c r="J90" s="50">
        <v>116984</v>
      </c>
      <c r="K90" s="51">
        <v>15757</v>
      </c>
      <c r="L90" s="52">
        <v>13.5</v>
      </c>
      <c r="M90" s="53">
        <v>118637</v>
      </c>
      <c r="N90" s="51">
        <v>16678</v>
      </c>
      <c r="O90" s="54">
        <v>14.1</v>
      </c>
      <c r="P90" s="50">
        <v>119920</v>
      </c>
      <c r="Q90" s="51">
        <v>17524</v>
      </c>
      <c r="R90" s="52">
        <v>14.6</v>
      </c>
      <c r="S90" s="53">
        <v>121002</v>
      </c>
      <c r="T90" s="51">
        <v>18446</v>
      </c>
      <c r="U90" s="58">
        <v>15.2</v>
      </c>
      <c r="V90" s="50">
        <v>121817</v>
      </c>
      <c r="W90" s="51">
        <v>19391</v>
      </c>
      <c r="X90" s="55">
        <v>15.9</v>
      </c>
      <c r="Y90" s="53">
        <v>122456</v>
      </c>
      <c r="Z90" s="51">
        <v>20224</v>
      </c>
      <c r="AA90" s="58">
        <v>16.5</v>
      </c>
      <c r="AB90" s="50">
        <v>122828</v>
      </c>
      <c r="AC90" s="51">
        <v>20992</v>
      </c>
      <c r="AD90" s="55">
        <v>17.100000000000001</v>
      </c>
      <c r="AE90" s="53">
        <v>123204</v>
      </c>
      <c r="AF90" s="51">
        <v>21683</v>
      </c>
      <c r="AG90" s="58">
        <v>17.600000000000001</v>
      </c>
      <c r="AH90" s="50">
        <v>123167</v>
      </c>
      <c r="AI90" s="51">
        <v>22389</v>
      </c>
      <c r="AJ90" s="55">
        <v>18.2</v>
      </c>
      <c r="AK90" s="53">
        <v>123547</v>
      </c>
      <c r="AL90" s="51">
        <v>23272</v>
      </c>
      <c r="AM90" s="58">
        <v>18.8</v>
      </c>
      <c r="AN90" s="50">
        <v>123086</v>
      </c>
      <c r="AO90" s="51">
        <v>24248</v>
      </c>
      <c r="AP90" s="55">
        <v>19.7</v>
      </c>
      <c r="AQ90" s="53">
        <v>123012</v>
      </c>
      <c r="AR90" s="51">
        <v>25173</v>
      </c>
      <c r="AS90" s="58">
        <v>20.5</v>
      </c>
      <c r="AT90" s="50">
        <v>122344</v>
      </c>
      <c r="AU90" s="51">
        <v>26052</v>
      </c>
      <c r="AV90" s="55">
        <v>21.3</v>
      </c>
      <c r="AW90" s="53">
        <v>121987</v>
      </c>
      <c r="AX90" s="51">
        <v>26755</v>
      </c>
      <c r="AY90" s="54">
        <v>21.9</v>
      </c>
      <c r="AZ90" s="50">
        <v>121610</v>
      </c>
      <c r="BA90" s="51">
        <v>27424</v>
      </c>
      <c r="BB90" s="55">
        <v>22.6</v>
      </c>
      <c r="BC90" s="53">
        <v>120940</v>
      </c>
      <c r="BD90" s="51">
        <v>28403</v>
      </c>
      <c r="BE90" s="54">
        <v>23.5</v>
      </c>
      <c r="BF90" s="50">
        <v>120499</v>
      </c>
      <c r="BG90" s="51">
        <v>120844</v>
      </c>
      <c r="BH90" s="51">
        <v>29587</v>
      </c>
      <c r="BI90" s="51">
        <v>29610</v>
      </c>
      <c r="BJ90" s="56">
        <v>24.6</v>
      </c>
      <c r="BK90" s="52">
        <v>24.5</v>
      </c>
      <c r="BL90" s="53">
        <v>120439</v>
      </c>
      <c r="BM90" s="51">
        <v>120805</v>
      </c>
      <c r="BN90" s="51">
        <v>30444</v>
      </c>
      <c r="BO90" s="51">
        <v>30469</v>
      </c>
      <c r="BP90" s="57">
        <v>25.3</v>
      </c>
      <c r="BQ90" s="58">
        <v>25.2</v>
      </c>
      <c r="BR90" s="50">
        <v>119822</v>
      </c>
      <c r="BS90" s="51">
        <v>120225</v>
      </c>
      <c r="BT90" s="51">
        <v>31815</v>
      </c>
      <c r="BU90" s="51">
        <v>31840</v>
      </c>
      <c r="BV90" s="57">
        <v>26.6</v>
      </c>
      <c r="BW90" s="52">
        <v>26.5</v>
      </c>
      <c r="BX90" s="53">
        <v>119092</v>
      </c>
      <c r="BY90" s="51">
        <v>119517</v>
      </c>
      <c r="BZ90" s="51">
        <v>32822</v>
      </c>
      <c r="CA90" s="51">
        <v>32851</v>
      </c>
      <c r="CB90" s="57">
        <v>27.6</v>
      </c>
      <c r="CC90" s="54">
        <v>27.5</v>
      </c>
      <c r="CD90" s="50">
        <v>118748</v>
      </c>
      <c r="CE90" s="51">
        <v>119182</v>
      </c>
      <c r="CF90" s="51">
        <v>33756</v>
      </c>
      <c r="CG90" s="51">
        <v>33784</v>
      </c>
      <c r="CH90" s="57">
        <v>28.4</v>
      </c>
      <c r="CI90" s="52">
        <v>28.3</v>
      </c>
      <c r="CJ90" s="53">
        <v>118467</v>
      </c>
      <c r="CK90" s="51">
        <v>118999</v>
      </c>
      <c r="CL90" s="51">
        <v>34793</v>
      </c>
      <c r="CM90" s="51">
        <v>34824</v>
      </c>
      <c r="CN90" s="57">
        <v>29.4</v>
      </c>
      <c r="CO90" s="54">
        <v>29.3</v>
      </c>
      <c r="CP90" s="50">
        <v>118379</v>
      </c>
      <c r="CQ90" s="51">
        <v>118985</v>
      </c>
      <c r="CR90" s="51">
        <v>35489</v>
      </c>
      <c r="CS90" s="51">
        <v>35519</v>
      </c>
      <c r="CT90" s="57">
        <v>30</v>
      </c>
      <c r="CU90" s="61">
        <v>29.9</v>
      </c>
      <c r="CV90" s="50">
        <v>118887</v>
      </c>
      <c r="CW90" s="51">
        <v>119580</v>
      </c>
      <c r="CX90" s="51">
        <v>36258</v>
      </c>
      <c r="CY90" s="51">
        <v>36293</v>
      </c>
      <c r="CZ90" s="21">
        <f t="shared" si="6"/>
        <v>30.5</v>
      </c>
      <c r="DA90" s="23">
        <f t="shared" si="7"/>
        <v>30.4</v>
      </c>
      <c r="DB90" s="50">
        <v>119115</v>
      </c>
      <c r="DC90" s="51">
        <v>119815</v>
      </c>
      <c r="DD90" s="51">
        <v>37042</v>
      </c>
      <c r="DE90" s="51">
        <v>37078</v>
      </c>
      <c r="DF90" s="21">
        <v>31.1</v>
      </c>
      <c r="DG90" s="23">
        <v>30.9</v>
      </c>
      <c r="DH90" s="50">
        <v>119008</v>
      </c>
      <c r="DI90" s="51">
        <v>119701</v>
      </c>
      <c r="DJ90" s="51">
        <v>37539</v>
      </c>
      <c r="DK90" s="51">
        <v>37577</v>
      </c>
      <c r="DL90" s="57">
        <f t="shared" si="8"/>
        <v>31.543257596127994</v>
      </c>
      <c r="DM90" s="61">
        <f t="shared" si="9"/>
        <v>31.392386028521063</v>
      </c>
      <c r="DN90" s="50">
        <v>118357</v>
      </c>
      <c r="DO90" s="51">
        <v>119169</v>
      </c>
      <c r="DP90" s="51">
        <v>37863</v>
      </c>
      <c r="DQ90" s="51">
        <v>37903</v>
      </c>
      <c r="DR90" s="57">
        <f t="shared" si="10"/>
        <v>31.990503307789147</v>
      </c>
      <c r="DS90" s="61">
        <f t="shared" si="11"/>
        <v>31.806090510115887</v>
      </c>
    </row>
    <row r="91" spans="1:123" x14ac:dyDescent="0.2">
      <c r="A91" s="175"/>
      <c r="B91" s="176"/>
      <c r="C91" s="123" t="s">
        <v>62</v>
      </c>
      <c r="D91" s="27">
        <v>54376</v>
      </c>
      <c r="E91" s="25">
        <v>6249</v>
      </c>
      <c r="F91" s="26">
        <v>11.5</v>
      </c>
      <c r="G91" s="27">
        <v>55764</v>
      </c>
      <c r="H91" s="25">
        <v>6653</v>
      </c>
      <c r="I91" s="28">
        <v>11.9</v>
      </c>
      <c r="J91" s="24">
        <v>56965</v>
      </c>
      <c r="K91" s="25">
        <v>7018</v>
      </c>
      <c r="L91" s="26">
        <v>12.3</v>
      </c>
      <c r="M91" s="27">
        <v>57697</v>
      </c>
      <c r="N91" s="25">
        <v>7425</v>
      </c>
      <c r="O91" s="28">
        <v>12.9</v>
      </c>
      <c r="P91" s="24">
        <v>58220</v>
      </c>
      <c r="Q91" s="25">
        <v>7802</v>
      </c>
      <c r="R91" s="26">
        <v>13.4</v>
      </c>
      <c r="S91" s="27">
        <v>58583</v>
      </c>
      <c r="T91" s="25">
        <v>8153</v>
      </c>
      <c r="U91" s="62">
        <v>13.9</v>
      </c>
      <c r="V91" s="24">
        <v>58766</v>
      </c>
      <c r="W91" s="25">
        <v>8520</v>
      </c>
      <c r="X91" s="63">
        <v>14.5</v>
      </c>
      <c r="Y91" s="27">
        <v>59073</v>
      </c>
      <c r="Z91" s="25">
        <v>8847</v>
      </c>
      <c r="AA91" s="62">
        <v>15</v>
      </c>
      <c r="AB91" s="24">
        <v>59254</v>
      </c>
      <c r="AC91" s="25">
        <v>9110</v>
      </c>
      <c r="AD91" s="63">
        <v>15.4</v>
      </c>
      <c r="AE91" s="27">
        <v>59325</v>
      </c>
      <c r="AF91" s="25">
        <v>9387</v>
      </c>
      <c r="AG91" s="62">
        <v>15.8</v>
      </c>
      <c r="AH91" s="24">
        <v>59192</v>
      </c>
      <c r="AI91" s="25">
        <v>9687</v>
      </c>
      <c r="AJ91" s="63">
        <v>16.399999999999999</v>
      </c>
      <c r="AK91" s="27">
        <v>59341</v>
      </c>
      <c r="AL91" s="25">
        <v>10036</v>
      </c>
      <c r="AM91" s="62">
        <v>16.899999999999999</v>
      </c>
      <c r="AN91" s="24">
        <v>59028</v>
      </c>
      <c r="AO91" s="25">
        <v>10482</v>
      </c>
      <c r="AP91" s="63">
        <v>17.8</v>
      </c>
      <c r="AQ91" s="27">
        <v>58871</v>
      </c>
      <c r="AR91" s="25">
        <v>10811</v>
      </c>
      <c r="AS91" s="62">
        <v>18.399999999999999</v>
      </c>
      <c r="AT91" s="24">
        <v>58419</v>
      </c>
      <c r="AU91" s="25">
        <v>11168</v>
      </c>
      <c r="AV91" s="63">
        <v>19.100000000000001</v>
      </c>
      <c r="AW91" s="27">
        <v>58172</v>
      </c>
      <c r="AX91" s="25">
        <v>11446</v>
      </c>
      <c r="AY91" s="28">
        <v>19.7</v>
      </c>
      <c r="AZ91" s="24">
        <v>57966</v>
      </c>
      <c r="BA91" s="25">
        <v>11760</v>
      </c>
      <c r="BB91" s="63">
        <v>20.3</v>
      </c>
      <c r="BC91" s="27">
        <v>57657</v>
      </c>
      <c r="BD91" s="25">
        <v>12106</v>
      </c>
      <c r="BE91" s="28">
        <v>21</v>
      </c>
      <c r="BF91" s="24">
        <v>57403</v>
      </c>
      <c r="BG91" s="25">
        <v>57583</v>
      </c>
      <c r="BH91" s="25">
        <v>12582</v>
      </c>
      <c r="BI91" s="25">
        <v>12594</v>
      </c>
      <c r="BJ91" s="64">
        <v>21.9</v>
      </c>
      <c r="BK91" s="26">
        <v>21.9</v>
      </c>
      <c r="BL91" s="27">
        <v>57344</v>
      </c>
      <c r="BM91" s="25">
        <v>57528</v>
      </c>
      <c r="BN91" s="25">
        <v>12975</v>
      </c>
      <c r="BO91" s="25">
        <v>12987</v>
      </c>
      <c r="BP91" s="34">
        <v>22.6</v>
      </c>
      <c r="BQ91" s="62">
        <v>22.6</v>
      </c>
      <c r="BR91" s="24">
        <v>56999</v>
      </c>
      <c r="BS91" s="25">
        <v>57175</v>
      </c>
      <c r="BT91" s="25">
        <v>13643</v>
      </c>
      <c r="BU91" s="25">
        <v>13655</v>
      </c>
      <c r="BV91" s="34">
        <v>23.9</v>
      </c>
      <c r="BW91" s="26">
        <v>23.9</v>
      </c>
      <c r="BX91" s="27">
        <v>56604</v>
      </c>
      <c r="BY91" s="25">
        <v>56799</v>
      </c>
      <c r="BZ91" s="25">
        <v>14090</v>
      </c>
      <c r="CA91" s="25">
        <v>14103</v>
      </c>
      <c r="CB91" s="34">
        <v>24.9</v>
      </c>
      <c r="CC91" s="28">
        <v>24.8</v>
      </c>
      <c r="CD91" s="24">
        <v>56390</v>
      </c>
      <c r="CE91" s="25">
        <v>56601</v>
      </c>
      <c r="CF91" s="25">
        <v>14508</v>
      </c>
      <c r="CG91" s="25">
        <v>14521</v>
      </c>
      <c r="CH91" s="34">
        <v>25.7</v>
      </c>
      <c r="CI91" s="26">
        <v>25.7</v>
      </c>
      <c r="CJ91" s="27">
        <v>56319</v>
      </c>
      <c r="CK91" s="25">
        <v>56574</v>
      </c>
      <c r="CL91" s="25">
        <v>14986</v>
      </c>
      <c r="CM91" s="25">
        <v>15000</v>
      </c>
      <c r="CN91" s="34">
        <v>26.6</v>
      </c>
      <c r="CO91" s="28">
        <v>26.5</v>
      </c>
      <c r="CP91" s="24">
        <v>56271</v>
      </c>
      <c r="CQ91" s="25">
        <v>56575</v>
      </c>
      <c r="CR91" s="25">
        <v>15281</v>
      </c>
      <c r="CS91" s="25">
        <v>15294</v>
      </c>
      <c r="CT91" s="34">
        <v>27.2</v>
      </c>
      <c r="CU91" s="36">
        <v>27</v>
      </c>
      <c r="CV91" s="24">
        <v>56532</v>
      </c>
      <c r="CW91" s="25">
        <v>56888</v>
      </c>
      <c r="CX91" s="25">
        <v>15630</v>
      </c>
      <c r="CY91" s="25">
        <v>15644</v>
      </c>
      <c r="CZ91" s="34">
        <f t="shared" si="6"/>
        <v>27.6</v>
      </c>
      <c r="DA91" s="36">
        <f t="shared" si="7"/>
        <v>27.5</v>
      </c>
      <c r="DB91" s="24">
        <v>56564</v>
      </c>
      <c r="DC91" s="25">
        <v>56932</v>
      </c>
      <c r="DD91" s="25">
        <v>15974</v>
      </c>
      <c r="DE91" s="25">
        <v>15988</v>
      </c>
      <c r="DF91" s="34">
        <v>28.2</v>
      </c>
      <c r="DG91" s="36">
        <v>28.1</v>
      </c>
      <c r="DH91" s="24">
        <v>56439</v>
      </c>
      <c r="DI91" s="25">
        <v>56808</v>
      </c>
      <c r="DJ91" s="25">
        <v>16146</v>
      </c>
      <c r="DK91" s="25">
        <v>16161</v>
      </c>
      <c r="DL91" s="34">
        <f t="shared" si="8"/>
        <v>28.607877531494179</v>
      </c>
      <c r="DM91" s="36">
        <f t="shared" si="9"/>
        <v>28.448457963667089</v>
      </c>
      <c r="DN91" s="24">
        <v>56120</v>
      </c>
      <c r="DO91" s="25">
        <v>56547</v>
      </c>
      <c r="DP91" s="25">
        <v>16257</v>
      </c>
      <c r="DQ91" s="25">
        <v>16273</v>
      </c>
      <c r="DR91" s="34">
        <f t="shared" si="10"/>
        <v>28.968282252316463</v>
      </c>
      <c r="DS91" s="36">
        <f t="shared" si="11"/>
        <v>28.777830830990148</v>
      </c>
    </row>
    <row r="92" spans="1:123" x14ac:dyDescent="0.2">
      <c r="A92" s="175"/>
      <c r="B92" s="176"/>
      <c r="C92" s="122" t="s">
        <v>63</v>
      </c>
      <c r="D92" s="40">
        <v>57069</v>
      </c>
      <c r="E92" s="38">
        <v>7802</v>
      </c>
      <c r="F92" s="39">
        <v>13.7</v>
      </c>
      <c r="G92" s="40">
        <v>58568</v>
      </c>
      <c r="H92" s="38">
        <v>8270</v>
      </c>
      <c r="I92" s="41">
        <v>14.1</v>
      </c>
      <c r="J92" s="37">
        <v>60019</v>
      </c>
      <c r="K92" s="38">
        <v>8739</v>
      </c>
      <c r="L92" s="39">
        <v>14.6</v>
      </c>
      <c r="M92" s="40">
        <v>60940</v>
      </c>
      <c r="N92" s="38">
        <v>9253</v>
      </c>
      <c r="O92" s="41">
        <v>15.2</v>
      </c>
      <c r="P92" s="37">
        <v>61700</v>
      </c>
      <c r="Q92" s="38">
        <v>9722</v>
      </c>
      <c r="R92" s="39">
        <v>15.8</v>
      </c>
      <c r="S92" s="40">
        <v>62419</v>
      </c>
      <c r="T92" s="38">
        <v>10293</v>
      </c>
      <c r="U92" s="67">
        <v>16.5</v>
      </c>
      <c r="V92" s="37">
        <v>63051</v>
      </c>
      <c r="W92" s="38">
        <v>10871</v>
      </c>
      <c r="X92" s="68">
        <v>17.2</v>
      </c>
      <c r="Y92" s="40">
        <v>63383</v>
      </c>
      <c r="Z92" s="38">
        <v>11377</v>
      </c>
      <c r="AA92" s="67">
        <v>17.899999999999999</v>
      </c>
      <c r="AB92" s="37">
        <v>63574</v>
      </c>
      <c r="AC92" s="38">
        <v>11882</v>
      </c>
      <c r="AD92" s="68">
        <v>18.7</v>
      </c>
      <c r="AE92" s="40">
        <v>63879</v>
      </c>
      <c r="AF92" s="38">
        <v>12296</v>
      </c>
      <c r="AG92" s="67">
        <v>19.2</v>
      </c>
      <c r="AH92" s="37">
        <v>63975</v>
      </c>
      <c r="AI92" s="38">
        <v>12702</v>
      </c>
      <c r="AJ92" s="68">
        <v>19.899999999999999</v>
      </c>
      <c r="AK92" s="40">
        <v>64206</v>
      </c>
      <c r="AL92" s="38">
        <v>13236</v>
      </c>
      <c r="AM92" s="67">
        <v>20.6</v>
      </c>
      <c r="AN92" s="37">
        <v>64058</v>
      </c>
      <c r="AO92" s="38">
        <v>13766</v>
      </c>
      <c r="AP92" s="68">
        <v>21.5</v>
      </c>
      <c r="AQ92" s="40">
        <v>64141</v>
      </c>
      <c r="AR92" s="38">
        <v>14362</v>
      </c>
      <c r="AS92" s="67">
        <v>22.4</v>
      </c>
      <c r="AT92" s="37">
        <v>63925</v>
      </c>
      <c r="AU92" s="38">
        <v>14884</v>
      </c>
      <c r="AV92" s="68">
        <v>23.3</v>
      </c>
      <c r="AW92" s="40">
        <v>63815</v>
      </c>
      <c r="AX92" s="38">
        <v>15309</v>
      </c>
      <c r="AY92" s="41">
        <v>24</v>
      </c>
      <c r="AZ92" s="37">
        <v>63644</v>
      </c>
      <c r="BA92" s="38">
        <v>15664</v>
      </c>
      <c r="BB92" s="68">
        <v>24.6</v>
      </c>
      <c r="BC92" s="40">
        <v>63283</v>
      </c>
      <c r="BD92" s="38">
        <v>16297</v>
      </c>
      <c r="BE92" s="41">
        <v>25.8</v>
      </c>
      <c r="BF92" s="37">
        <v>63096</v>
      </c>
      <c r="BG92" s="38">
        <v>63261</v>
      </c>
      <c r="BH92" s="38">
        <v>17005</v>
      </c>
      <c r="BI92" s="38">
        <v>17016</v>
      </c>
      <c r="BJ92" s="69">
        <v>27</v>
      </c>
      <c r="BK92" s="39">
        <v>26.9</v>
      </c>
      <c r="BL92" s="40">
        <v>63095</v>
      </c>
      <c r="BM92" s="38">
        <v>63277</v>
      </c>
      <c r="BN92" s="38">
        <v>17469</v>
      </c>
      <c r="BO92" s="38">
        <v>17482</v>
      </c>
      <c r="BP92" s="47">
        <v>27.7</v>
      </c>
      <c r="BQ92" s="67">
        <v>27.6</v>
      </c>
      <c r="BR92" s="37">
        <v>62823</v>
      </c>
      <c r="BS92" s="38">
        <v>63050</v>
      </c>
      <c r="BT92" s="38">
        <v>18172</v>
      </c>
      <c r="BU92" s="38">
        <v>18185</v>
      </c>
      <c r="BV92" s="47">
        <v>28.9</v>
      </c>
      <c r="BW92" s="39">
        <v>28.8</v>
      </c>
      <c r="BX92" s="40">
        <v>62488</v>
      </c>
      <c r="BY92" s="38">
        <v>62718</v>
      </c>
      <c r="BZ92" s="38">
        <v>18732</v>
      </c>
      <c r="CA92" s="38">
        <v>18748</v>
      </c>
      <c r="CB92" s="47">
        <v>30</v>
      </c>
      <c r="CC92" s="41">
        <v>29.9</v>
      </c>
      <c r="CD92" s="37">
        <v>62358</v>
      </c>
      <c r="CE92" s="38">
        <v>62581</v>
      </c>
      <c r="CF92" s="38">
        <v>19248</v>
      </c>
      <c r="CG92" s="38">
        <v>19263</v>
      </c>
      <c r="CH92" s="47">
        <v>30.9</v>
      </c>
      <c r="CI92" s="39">
        <v>30.8</v>
      </c>
      <c r="CJ92" s="40">
        <v>62148</v>
      </c>
      <c r="CK92" s="38">
        <v>62425</v>
      </c>
      <c r="CL92" s="38">
        <v>19807</v>
      </c>
      <c r="CM92" s="38">
        <v>19824</v>
      </c>
      <c r="CN92" s="47">
        <v>31.9</v>
      </c>
      <c r="CO92" s="41">
        <v>31.8</v>
      </c>
      <c r="CP92" s="37">
        <v>62108</v>
      </c>
      <c r="CQ92" s="38">
        <v>62410</v>
      </c>
      <c r="CR92" s="38">
        <v>20208</v>
      </c>
      <c r="CS92" s="38">
        <v>20225</v>
      </c>
      <c r="CT92" s="47">
        <v>32.5</v>
      </c>
      <c r="CU92" s="49">
        <v>32.4</v>
      </c>
      <c r="CV92" s="37">
        <v>62355</v>
      </c>
      <c r="CW92" s="38">
        <v>62692</v>
      </c>
      <c r="CX92" s="38">
        <v>20628</v>
      </c>
      <c r="CY92" s="38">
        <v>20649</v>
      </c>
      <c r="CZ92" s="47">
        <f t="shared" si="6"/>
        <v>33.1</v>
      </c>
      <c r="DA92" s="49">
        <f t="shared" si="7"/>
        <v>32.9</v>
      </c>
      <c r="DB92" s="37">
        <v>62551</v>
      </c>
      <c r="DC92" s="38">
        <v>62883</v>
      </c>
      <c r="DD92" s="38">
        <v>21068</v>
      </c>
      <c r="DE92" s="38">
        <v>21090</v>
      </c>
      <c r="DF92" s="47">
        <v>33.700000000000003</v>
      </c>
      <c r="DG92" s="49">
        <v>33.5</v>
      </c>
      <c r="DH92" s="37">
        <v>62569</v>
      </c>
      <c r="DI92" s="38">
        <v>62893</v>
      </c>
      <c r="DJ92" s="38">
        <v>21393</v>
      </c>
      <c r="DK92" s="38">
        <v>21416</v>
      </c>
      <c r="DL92" s="21">
        <f t="shared" si="8"/>
        <v>34.19105307740255</v>
      </c>
      <c r="DM92" s="23">
        <f t="shared" si="9"/>
        <v>34.051484266929549</v>
      </c>
      <c r="DN92" s="37">
        <v>62237</v>
      </c>
      <c r="DO92" s="38">
        <v>62622</v>
      </c>
      <c r="DP92" s="38">
        <v>21606</v>
      </c>
      <c r="DQ92" s="38">
        <v>21630</v>
      </c>
      <c r="DR92" s="21">
        <f t="shared" si="10"/>
        <v>34.715683596574387</v>
      </c>
      <c r="DS92" s="23">
        <f t="shared" si="11"/>
        <v>34.540576794097923</v>
      </c>
    </row>
    <row r="93" spans="1:123" x14ac:dyDescent="0.2">
      <c r="A93" s="175" t="s">
        <v>41</v>
      </c>
      <c r="B93" s="176"/>
      <c r="C93" s="121" t="s">
        <v>61</v>
      </c>
      <c r="D93" s="53">
        <v>17860</v>
      </c>
      <c r="E93" s="51">
        <v>4094</v>
      </c>
      <c r="F93" s="52">
        <v>22.9</v>
      </c>
      <c r="G93" s="53">
        <v>17514</v>
      </c>
      <c r="H93" s="51">
        <v>4189</v>
      </c>
      <c r="I93" s="54">
        <v>23.9</v>
      </c>
      <c r="J93" s="50">
        <v>17206</v>
      </c>
      <c r="K93" s="51">
        <v>4306</v>
      </c>
      <c r="L93" s="52">
        <v>25</v>
      </c>
      <c r="M93" s="53">
        <v>16812</v>
      </c>
      <c r="N93" s="51">
        <v>4441</v>
      </c>
      <c r="O93" s="54">
        <v>26.4</v>
      </c>
      <c r="P93" s="50">
        <v>16583</v>
      </c>
      <c r="Q93" s="51">
        <v>4554</v>
      </c>
      <c r="R93" s="52">
        <v>27.5</v>
      </c>
      <c r="S93" s="53">
        <v>16233</v>
      </c>
      <c r="T93" s="51">
        <v>4643</v>
      </c>
      <c r="U93" s="58">
        <v>28.6</v>
      </c>
      <c r="V93" s="50">
        <v>15977</v>
      </c>
      <c r="W93" s="51">
        <v>4747</v>
      </c>
      <c r="X93" s="55">
        <v>29.7</v>
      </c>
      <c r="Y93" s="53">
        <v>15746</v>
      </c>
      <c r="Z93" s="51">
        <v>4824</v>
      </c>
      <c r="AA93" s="58">
        <v>30.6</v>
      </c>
      <c r="AB93" s="50">
        <v>15478</v>
      </c>
      <c r="AC93" s="51">
        <v>4891</v>
      </c>
      <c r="AD93" s="55">
        <v>31.6</v>
      </c>
      <c r="AE93" s="53">
        <v>15159</v>
      </c>
      <c r="AF93" s="51">
        <v>4911</v>
      </c>
      <c r="AG93" s="58">
        <v>32.4</v>
      </c>
      <c r="AH93" s="50">
        <v>14782</v>
      </c>
      <c r="AI93" s="51">
        <v>4911</v>
      </c>
      <c r="AJ93" s="55">
        <v>33.200000000000003</v>
      </c>
      <c r="AK93" s="53">
        <v>14506</v>
      </c>
      <c r="AL93" s="51">
        <v>4950</v>
      </c>
      <c r="AM93" s="58">
        <v>34.1</v>
      </c>
      <c r="AN93" s="50">
        <v>14160</v>
      </c>
      <c r="AO93" s="51">
        <v>4999</v>
      </c>
      <c r="AP93" s="55">
        <v>35.299999999999997</v>
      </c>
      <c r="AQ93" s="53">
        <v>13716</v>
      </c>
      <c r="AR93" s="51">
        <v>4990</v>
      </c>
      <c r="AS93" s="58">
        <v>36.4</v>
      </c>
      <c r="AT93" s="50">
        <v>13258</v>
      </c>
      <c r="AU93" s="51">
        <v>4935</v>
      </c>
      <c r="AV93" s="55">
        <v>37.200000000000003</v>
      </c>
      <c r="AW93" s="53">
        <v>12877</v>
      </c>
      <c r="AX93" s="51">
        <v>4893</v>
      </c>
      <c r="AY93" s="54">
        <v>38</v>
      </c>
      <c r="AZ93" s="50">
        <v>12508</v>
      </c>
      <c r="BA93" s="51">
        <v>4797</v>
      </c>
      <c r="BB93" s="55">
        <v>38.4</v>
      </c>
      <c r="BC93" s="53">
        <v>12234</v>
      </c>
      <c r="BD93" s="51">
        <v>4798</v>
      </c>
      <c r="BE93" s="54">
        <v>39.200000000000003</v>
      </c>
      <c r="BF93" s="50">
        <v>11884</v>
      </c>
      <c r="BG93" s="51">
        <v>11935</v>
      </c>
      <c r="BH93" s="51">
        <v>4766</v>
      </c>
      <c r="BI93" s="51">
        <v>4770</v>
      </c>
      <c r="BJ93" s="56">
        <v>40.1</v>
      </c>
      <c r="BK93" s="52">
        <v>40</v>
      </c>
      <c r="BL93" s="53">
        <v>11657</v>
      </c>
      <c r="BM93" s="51">
        <v>11711</v>
      </c>
      <c r="BN93" s="51">
        <v>4742</v>
      </c>
      <c r="BO93" s="51">
        <v>4746</v>
      </c>
      <c r="BP93" s="57">
        <v>40.700000000000003</v>
      </c>
      <c r="BQ93" s="58">
        <v>40.5</v>
      </c>
      <c r="BR93" s="50">
        <v>11332</v>
      </c>
      <c r="BS93" s="51">
        <v>11383</v>
      </c>
      <c r="BT93" s="51">
        <v>4833</v>
      </c>
      <c r="BU93" s="51">
        <v>4837</v>
      </c>
      <c r="BV93" s="57">
        <v>42.6</v>
      </c>
      <c r="BW93" s="52">
        <v>42.5</v>
      </c>
      <c r="BX93" s="59">
        <v>10973</v>
      </c>
      <c r="BY93" s="51">
        <v>11029</v>
      </c>
      <c r="BZ93" s="72">
        <v>4817</v>
      </c>
      <c r="CA93" s="51">
        <v>4821</v>
      </c>
      <c r="CB93" s="57">
        <v>43.9</v>
      </c>
      <c r="CC93" s="54">
        <v>43.7</v>
      </c>
      <c r="CD93" s="50">
        <v>10712</v>
      </c>
      <c r="CE93" s="51">
        <v>10772</v>
      </c>
      <c r="CF93" s="51">
        <v>4815</v>
      </c>
      <c r="CG93" s="51">
        <v>4818</v>
      </c>
      <c r="CH93" s="57">
        <v>44.9</v>
      </c>
      <c r="CI93" s="52">
        <v>44.7</v>
      </c>
      <c r="CJ93" s="53">
        <v>10408</v>
      </c>
      <c r="CK93" s="51">
        <v>10464</v>
      </c>
      <c r="CL93" s="51">
        <v>4761</v>
      </c>
      <c r="CM93" s="51">
        <v>4764</v>
      </c>
      <c r="CN93" s="57">
        <v>45.7</v>
      </c>
      <c r="CO93" s="54">
        <v>45.5</v>
      </c>
      <c r="CP93" s="50">
        <v>10121</v>
      </c>
      <c r="CQ93" s="51">
        <v>10186</v>
      </c>
      <c r="CR93" s="51">
        <v>4724</v>
      </c>
      <c r="CS93" s="51">
        <v>4729</v>
      </c>
      <c r="CT93" s="57">
        <v>46.7</v>
      </c>
      <c r="CU93" s="61">
        <v>46.4</v>
      </c>
      <c r="CV93" s="50">
        <v>9835</v>
      </c>
      <c r="CW93" s="51">
        <v>9906</v>
      </c>
      <c r="CX93" s="51">
        <v>4646</v>
      </c>
      <c r="CY93" s="51">
        <v>4652</v>
      </c>
      <c r="CZ93" s="21">
        <f t="shared" si="6"/>
        <v>47.2</v>
      </c>
      <c r="DA93" s="23">
        <f t="shared" si="7"/>
        <v>47</v>
      </c>
      <c r="DB93" s="50">
        <v>9572</v>
      </c>
      <c r="DC93" s="51">
        <v>9642</v>
      </c>
      <c r="DD93" s="51">
        <v>4559</v>
      </c>
      <c r="DE93" s="51">
        <v>4566</v>
      </c>
      <c r="DF93" s="21">
        <v>47.6</v>
      </c>
      <c r="DG93" s="23">
        <v>47.4</v>
      </c>
      <c r="DH93" s="50">
        <v>9298</v>
      </c>
      <c r="DI93" s="51">
        <v>9368</v>
      </c>
      <c r="DJ93" s="51">
        <v>4429</v>
      </c>
      <c r="DK93" s="51">
        <v>4436</v>
      </c>
      <c r="DL93" s="57">
        <f t="shared" si="8"/>
        <v>47.633899763389977</v>
      </c>
      <c r="DM93" s="61">
        <f t="shared" si="9"/>
        <v>47.35269000853971</v>
      </c>
      <c r="DN93" s="50">
        <v>8930</v>
      </c>
      <c r="DO93" s="51">
        <v>9008</v>
      </c>
      <c r="DP93" s="51">
        <v>4215</v>
      </c>
      <c r="DQ93" s="51">
        <v>4222</v>
      </c>
      <c r="DR93" s="57">
        <f t="shared" si="10"/>
        <v>47.200447928331471</v>
      </c>
      <c r="DS93" s="61">
        <f t="shared" si="11"/>
        <v>46.869449378330373</v>
      </c>
    </row>
    <row r="94" spans="1:123" x14ac:dyDescent="0.2">
      <c r="A94" s="175"/>
      <c r="B94" s="176"/>
      <c r="C94" s="123" t="s">
        <v>62</v>
      </c>
      <c r="D94" s="27">
        <v>8475</v>
      </c>
      <c r="E94" s="25">
        <v>1726</v>
      </c>
      <c r="F94" s="26">
        <v>20.399999999999999</v>
      </c>
      <c r="G94" s="27">
        <v>8304</v>
      </c>
      <c r="H94" s="25">
        <v>1747</v>
      </c>
      <c r="I94" s="28">
        <v>21</v>
      </c>
      <c r="J94" s="24">
        <v>8135</v>
      </c>
      <c r="K94" s="25">
        <v>1812</v>
      </c>
      <c r="L94" s="26">
        <v>22.3</v>
      </c>
      <c r="M94" s="27">
        <v>7906</v>
      </c>
      <c r="N94" s="25">
        <v>1868</v>
      </c>
      <c r="O94" s="28">
        <v>23.6</v>
      </c>
      <c r="P94" s="24">
        <v>7822</v>
      </c>
      <c r="Q94" s="25">
        <v>1938</v>
      </c>
      <c r="R94" s="26">
        <v>24.8</v>
      </c>
      <c r="S94" s="27">
        <v>7630</v>
      </c>
      <c r="T94" s="25">
        <v>1980</v>
      </c>
      <c r="U94" s="62">
        <v>26</v>
      </c>
      <c r="V94" s="24">
        <v>7481</v>
      </c>
      <c r="W94" s="25">
        <v>2012</v>
      </c>
      <c r="X94" s="63">
        <v>26.9</v>
      </c>
      <c r="Y94" s="27">
        <v>7362</v>
      </c>
      <c r="Z94" s="25">
        <v>2037</v>
      </c>
      <c r="AA94" s="62">
        <v>27.7</v>
      </c>
      <c r="AB94" s="24">
        <v>7232</v>
      </c>
      <c r="AC94" s="25">
        <v>2062</v>
      </c>
      <c r="AD94" s="63">
        <v>28.5</v>
      </c>
      <c r="AE94" s="27">
        <v>7057</v>
      </c>
      <c r="AF94" s="25">
        <v>2049</v>
      </c>
      <c r="AG94" s="62">
        <v>29</v>
      </c>
      <c r="AH94" s="24">
        <v>6866</v>
      </c>
      <c r="AI94" s="25">
        <v>2060</v>
      </c>
      <c r="AJ94" s="63">
        <v>30</v>
      </c>
      <c r="AK94" s="27">
        <v>6737</v>
      </c>
      <c r="AL94" s="25">
        <v>2070</v>
      </c>
      <c r="AM94" s="62">
        <v>30.7</v>
      </c>
      <c r="AN94" s="24">
        <v>6536</v>
      </c>
      <c r="AO94" s="25">
        <v>2065</v>
      </c>
      <c r="AP94" s="63">
        <v>31.6</v>
      </c>
      <c r="AQ94" s="27">
        <v>6334</v>
      </c>
      <c r="AR94" s="25">
        <v>2058</v>
      </c>
      <c r="AS94" s="62">
        <v>32.5</v>
      </c>
      <c r="AT94" s="24">
        <v>6105</v>
      </c>
      <c r="AU94" s="25">
        <v>2043</v>
      </c>
      <c r="AV94" s="63">
        <v>33.5</v>
      </c>
      <c r="AW94" s="27">
        <v>5915</v>
      </c>
      <c r="AX94" s="25">
        <v>2036</v>
      </c>
      <c r="AY94" s="28">
        <v>34.4</v>
      </c>
      <c r="AZ94" s="24">
        <v>5740</v>
      </c>
      <c r="BA94" s="25">
        <v>1993</v>
      </c>
      <c r="BB94" s="63">
        <v>34.700000000000003</v>
      </c>
      <c r="BC94" s="27">
        <v>5620</v>
      </c>
      <c r="BD94" s="25">
        <v>1991</v>
      </c>
      <c r="BE94" s="28">
        <v>35.4</v>
      </c>
      <c r="BF94" s="24">
        <v>5444</v>
      </c>
      <c r="BG94" s="25">
        <v>5457</v>
      </c>
      <c r="BH94" s="25">
        <v>1981</v>
      </c>
      <c r="BI94" s="25">
        <v>1982</v>
      </c>
      <c r="BJ94" s="64">
        <v>36.4</v>
      </c>
      <c r="BK94" s="26">
        <v>36.299999999999997</v>
      </c>
      <c r="BL94" s="27">
        <v>5338</v>
      </c>
      <c r="BM94" s="25">
        <v>5353</v>
      </c>
      <c r="BN94" s="25">
        <v>1975</v>
      </c>
      <c r="BO94" s="25">
        <v>1976</v>
      </c>
      <c r="BP94" s="34">
        <v>37</v>
      </c>
      <c r="BQ94" s="62">
        <v>36.9</v>
      </c>
      <c r="BR94" s="24">
        <v>5180</v>
      </c>
      <c r="BS94" s="25">
        <v>5197</v>
      </c>
      <c r="BT94" s="25">
        <v>2018</v>
      </c>
      <c r="BU94" s="25">
        <v>2019</v>
      </c>
      <c r="BV94" s="34">
        <v>39</v>
      </c>
      <c r="BW94" s="26">
        <v>38.799999999999997</v>
      </c>
      <c r="BX94" s="65">
        <v>5029</v>
      </c>
      <c r="BY94" s="25">
        <v>5051</v>
      </c>
      <c r="BZ94" s="73">
        <v>1994</v>
      </c>
      <c r="CA94" s="25">
        <v>1995</v>
      </c>
      <c r="CB94" s="34">
        <v>39.700000000000003</v>
      </c>
      <c r="CC94" s="28">
        <v>39.5</v>
      </c>
      <c r="CD94" s="24">
        <v>4908</v>
      </c>
      <c r="CE94" s="25">
        <v>4932</v>
      </c>
      <c r="CF94" s="25">
        <v>1990</v>
      </c>
      <c r="CG94" s="25">
        <v>1990</v>
      </c>
      <c r="CH94" s="34">
        <v>40.5</v>
      </c>
      <c r="CI94" s="26">
        <v>40.299999999999997</v>
      </c>
      <c r="CJ94" s="27">
        <v>4751</v>
      </c>
      <c r="CK94" s="25">
        <v>4774</v>
      </c>
      <c r="CL94" s="25">
        <v>1947</v>
      </c>
      <c r="CM94" s="25">
        <v>1948</v>
      </c>
      <c r="CN94" s="34">
        <v>41</v>
      </c>
      <c r="CO94" s="28">
        <v>40.799999999999997</v>
      </c>
      <c r="CP94" s="24">
        <v>4602</v>
      </c>
      <c r="CQ94" s="25">
        <v>4635</v>
      </c>
      <c r="CR94" s="25">
        <v>1930</v>
      </c>
      <c r="CS94" s="25">
        <v>1932</v>
      </c>
      <c r="CT94" s="34">
        <v>41.9</v>
      </c>
      <c r="CU94" s="36">
        <v>41.7</v>
      </c>
      <c r="CV94" s="24">
        <v>4466</v>
      </c>
      <c r="CW94" s="25">
        <v>4501</v>
      </c>
      <c r="CX94" s="25">
        <v>1883</v>
      </c>
      <c r="CY94" s="25">
        <v>1886</v>
      </c>
      <c r="CZ94" s="34">
        <f t="shared" si="6"/>
        <v>42.2</v>
      </c>
      <c r="DA94" s="36">
        <f t="shared" si="7"/>
        <v>41.9</v>
      </c>
      <c r="DB94" s="24">
        <v>4352</v>
      </c>
      <c r="DC94" s="25">
        <v>4387</v>
      </c>
      <c r="DD94" s="25">
        <v>1839</v>
      </c>
      <c r="DE94" s="25">
        <v>1842</v>
      </c>
      <c r="DF94" s="34">
        <v>42.3</v>
      </c>
      <c r="DG94" s="36">
        <v>42</v>
      </c>
      <c r="DH94" s="24">
        <v>4242</v>
      </c>
      <c r="DI94" s="25">
        <v>4277</v>
      </c>
      <c r="DJ94" s="25">
        <v>1776</v>
      </c>
      <c r="DK94" s="25">
        <v>1779</v>
      </c>
      <c r="DL94" s="34">
        <f t="shared" si="8"/>
        <v>41.867043847241867</v>
      </c>
      <c r="DM94" s="36">
        <f t="shared" si="9"/>
        <v>41.594575637128827</v>
      </c>
      <c r="DN94" s="24">
        <v>4067</v>
      </c>
      <c r="DO94" s="25">
        <v>4099</v>
      </c>
      <c r="DP94" s="25">
        <v>1682</v>
      </c>
      <c r="DQ94" s="25">
        <v>1685</v>
      </c>
      <c r="DR94" s="34">
        <f t="shared" si="10"/>
        <v>41.357265797885418</v>
      </c>
      <c r="DS94" s="36">
        <f t="shared" si="11"/>
        <v>41.107587216394244</v>
      </c>
    </row>
    <row r="95" spans="1:123" x14ac:dyDescent="0.2">
      <c r="A95" s="175"/>
      <c r="B95" s="176"/>
      <c r="C95" s="122" t="s">
        <v>63</v>
      </c>
      <c r="D95" s="40">
        <v>9385</v>
      </c>
      <c r="E95" s="38">
        <v>2368</v>
      </c>
      <c r="F95" s="39">
        <v>25.2</v>
      </c>
      <c r="G95" s="40">
        <v>9210</v>
      </c>
      <c r="H95" s="38">
        <v>2442</v>
      </c>
      <c r="I95" s="41">
        <v>26.5</v>
      </c>
      <c r="J95" s="37">
        <v>9071</v>
      </c>
      <c r="K95" s="38">
        <v>2494</v>
      </c>
      <c r="L95" s="39">
        <v>27.5</v>
      </c>
      <c r="M95" s="40">
        <v>8906</v>
      </c>
      <c r="N95" s="38">
        <v>2573</v>
      </c>
      <c r="O95" s="41">
        <v>28.9</v>
      </c>
      <c r="P95" s="37">
        <v>8761</v>
      </c>
      <c r="Q95" s="38">
        <v>2616</v>
      </c>
      <c r="R95" s="39">
        <v>29.9</v>
      </c>
      <c r="S95" s="40">
        <v>8603</v>
      </c>
      <c r="T95" s="38">
        <v>2663</v>
      </c>
      <c r="U95" s="67">
        <v>31</v>
      </c>
      <c r="V95" s="37">
        <v>8496</v>
      </c>
      <c r="W95" s="38">
        <v>2735</v>
      </c>
      <c r="X95" s="68">
        <v>32.200000000000003</v>
      </c>
      <c r="Y95" s="40">
        <v>8384</v>
      </c>
      <c r="Z95" s="38">
        <v>2787</v>
      </c>
      <c r="AA95" s="67">
        <v>33.200000000000003</v>
      </c>
      <c r="AB95" s="37">
        <v>8246</v>
      </c>
      <c r="AC95" s="38">
        <v>2829</v>
      </c>
      <c r="AD95" s="68">
        <v>34.299999999999997</v>
      </c>
      <c r="AE95" s="40">
        <v>8102</v>
      </c>
      <c r="AF95" s="38">
        <v>2862</v>
      </c>
      <c r="AG95" s="67">
        <v>35.299999999999997</v>
      </c>
      <c r="AH95" s="37">
        <v>7916</v>
      </c>
      <c r="AI95" s="38">
        <v>2851</v>
      </c>
      <c r="AJ95" s="68">
        <v>36</v>
      </c>
      <c r="AK95" s="40">
        <v>7769</v>
      </c>
      <c r="AL95" s="38">
        <v>2880</v>
      </c>
      <c r="AM95" s="67">
        <v>37.1</v>
      </c>
      <c r="AN95" s="37">
        <v>7624</v>
      </c>
      <c r="AO95" s="38">
        <v>2934</v>
      </c>
      <c r="AP95" s="68">
        <v>38.5</v>
      </c>
      <c r="AQ95" s="40">
        <v>7382</v>
      </c>
      <c r="AR95" s="38">
        <v>2932</v>
      </c>
      <c r="AS95" s="67">
        <v>39.700000000000003</v>
      </c>
      <c r="AT95" s="37">
        <v>7153</v>
      </c>
      <c r="AU95" s="38">
        <v>2892</v>
      </c>
      <c r="AV95" s="68">
        <v>40.4</v>
      </c>
      <c r="AW95" s="40">
        <v>6962</v>
      </c>
      <c r="AX95" s="38">
        <v>2857</v>
      </c>
      <c r="AY95" s="41">
        <v>41</v>
      </c>
      <c r="AZ95" s="37">
        <v>6768</v>
      </c>
      <c r="BA95" s="38">
        <v>2804</v>
      </c>
      <c r="BB95" s="68">
        <v>41.4</v>
      </c>
      <c r="BC95" s="40">
        <v>6614</v>
      </c>
      <c r="BD95" s="38">
        <v>2807</v>
      </c>
      <c r="BE95" s="41">
        <v>42.4</v>
      </c>
      <c r="BF95" s="37">
        <v>6440</v>
      </c>
      <c r="BG95" s="38">
        <v>6478</v>
      </c>
      <c r="BH95" s="38">
        <v>2785</v>
      </c>
      <c r="BI95" s="38">
        <v>2788</v>
      </c>
      <c r="BJ95" s="69">
        <v>43.2</v>
      </c>
      <c r="BK95" s="39">
        <v>43</v>
      </c>
      <c r="BL95" s="40">
        <v>6319</v>
      </c>
      <c r="BM95" s="38">
        <v>6358</v>
      </c>
      <c r="BN95" s="38">
        <v>2767</v>
      </c>
      <c r="BO95" s="38">
        <v>2770</v>
      </c>
      <c r="BP95" s="47">
        <v>43.8</v>
      </c>
      <c r="BQ95" s="67">
        <v>43.6</v>
      </c>
      <c r="BR95" s="37">
        <v>6152</v>
      </c>
      <c r="BS95" s="38">
        <v>6186</v>
      </c>
      <c r="BT95" s="38">
        <v>2815</v>
      </c>
      <c r="BU95" s="38">
        <v>2818</v>
      </c>
      <c r="BV95" s="47">
        <v>45.8</v>
      </c>
      <c r="BW95" s="39">
        <v>45.6</v>
      </c>
      <c r="BX95" s="70">
        <v>5944</v>
      </c>
      <c r="BY95" s="38">
        <v>5978</v>
      </c>
      <c r="BZ95" s="74">
        <v>2823</v>
      </c>
      <c r="CA95" s="38">
        <v>2826</v>
      </c>
      <c r="CB95" s="47">
        <v>47.5</v>
      </c>
      <c r="CC95" s="41">
        <v>47.3</v>
      </c>
      <c r="CD95" s="37">
        <v>5804</v>
      </c>
      <c r="CE95" s="38">
        <v>5840</v>
      </c>
      <c r="CF95" s="38">
        <v>2825</v>
      </c>
      <c r="CG95" s="38">
        <v>2828</v>
      </c>
      <c r="CH95" s="47">
        <v>48.7</v>
      </c>
      <c r="CI95" s="39">
        <v>48.4</v>
      </c>
      <c r="CJ95" s="40">
        <v>5657</v>
      </c>
      <c r="CK95" s="38">
        <v>5690</v>
      </c>
      <c r="CL95" s="38">
        <v>2814</v>
      </c>
      <c r="CM95" s="38">
        <v>2816</v>
      </c>
      <c r="CN95" s="47">
        <v>49.7</v>
      </c>
      <c r="CO95" s="41">
        <v>49.5</v>
      </c>
      <c r="CP95" s="37">
        <v>5519</v>
      </c>
      <c r="CQ95" s="38">
        <v>5551</v>
      </c>
      <c r="CR95" s="38">
        <v>2794</v>
      </c>
      <c r="CS95" s="38">
        <v>2797</v>
      </c>
      <c r="CT95" s="47">
        <v>50.6</v>
      </c>
      <c r="CU95" s="49">
        <v>50.4</v>
      </c>
      <c r="CV95" s="37">
        <v>5369</v>
      </c>
      <c r="CW95" s="38">
        <v>5405</v>
      </c>
      <c r="CX95" s="38">
        <v>2763</v>
      </c>
      <c r="CY95" s="38">
        <v>2766</v>
      </c>
      <c r="CZ95" s="47">
        <f t="shared" si="6"/>
        <v>51.5</v>
      </c>
      <c r="DA95" s="49">
        <f t="shared" si="7"/>
        <v>51.2</v>
      </c>
      <c r="DB95" s="37">
        <v>5220</v>
      </c>
      <c r="DC95" s="38">
        <v>5255</v>
      </c>
      <c r="DD95" s="38">
        <v>2720</v>
      </c>
      <c r="DE95" s="38">
        <v>2724</v>
      </c>
      <c r="DF95" s="47">
        <v>52.1</v>
      </c>
      <c r="DG95" s="49">
        <v>51.8</v>
      </c>
      <c r="DH95" s="37">
        <v>5056</v>
      </c>
      <c r="DI95" s="38">
        <v>5091</v>
      </c>
      <c r="DJ95" s="38">
        <v>2653</v>
      </c>
      <c r="DK95" s="38">
        <v>2657</v>
      </c>
      <c r="DL95" s="21">
        <f t="shared" si="8"/>
        <v>52.472310126582279</v>
      </c>
      <c r="DM95" s="23">
        <f t="shared" si="9"/>
        <v>52.190139461795326</v>
      </c>
      <c r="DN95" s="37">
        <v>4863</v>
      </c>
      <c r="DO95" s="38">
        <v>4909</v>
      </c>
      <c r="DP95" s="38">
        <v>2533</v>
      </c>
      <c r="DQ95" s="38">
        <v>2537</v>
      </c>
      <c r="DR95" s="21">
        <f t="shared" si="10"/>
        <v>52.087188977997123</v>
      </c>
      <c r="DS95" s="23">
        <f t="shared" si="11"/>
        <v>51.680586677531068</v>
      </c>
    </row>
    <row r="96" spans="1:123" x14ac:dyDescent="0.2">
      <c r="A96" s="175" t="s">
        <v>42</v>
      </c>
      <c r="B96" s="176"/>
      <c r="C96" s="121" t="s">
        <v>61</v>
      </c>
      <c r="D96" s="53">
        <v>29785</v>
      </c>
      <c r="E96" s="51">
        <v>4662</v>
      </c>
      <c r="F96" s="52">
        <v>15.7</v>
      </c>
      <c r="G96" s="53">
        <v>29150</v>
      </c>
      <c r="H96" s="51">
        <v>4879</v>
      </c>
      <c r="I96" s="54">
        <v>16.7</v>
      </c>
      <c r="J96" s="50">
        <v>28796</v>
      </c>
      <c r="K96" s="51">
        <v>5112</v>
      </c>
      <c r="L96" s="52">
        <v>17.8</v>
      </c>
      <c r="M96" s="53">
        <v>28642</v>
      </c>
      <c r="N96" s="51">
        <v>5309</v>
      </c>
      <c r="O96" s="54">
        <v>18.5</v>
      </c>
      <c r="P96" s="50">
        <v>28386</v>
      </c>
      <c r="Q96" s="51">
        <v>5480</v>
      </c>
      <c r="R96" s="52">
        <v>19.3</v>
      </c>
      <c r="S96" s="53">
        <v>28074</v>
      </c>
      <c r="T96" s="51">
        <v>5677</v>
      </c>
      <c r="U96" s="58">
        <v>20.2</v>
      </c>
      <c r="V96" s="50">
        <v>27966</v>
      </c>
      <c r="W96" s="51">
        <v>5880</v>
      </c>
      <c r="X96" s="55">
        <v>21</v>
      </c>
      <c r="Y96" s="53">
        <v>27768</v>
      </c>
      <c r="Z96" s="51">
        <v>6035</v>
      </c>
      <c r="AA96" s="58">
        <v>21.7</v>
      </c>
      <c r="AB96" s="50">
        <v>27449</v>
      </c>
      <c r="AC96" s="51">
        <v>6202</v>
      </c>
      <c r="AD96" s="55">
        <v>22.6</v>
      </c>
      <c r="AE96" s="53">
        <v>27159</v>
      </c>
      <c r="AF96" s="51">
        <v>6361</v>
      </c>
      <c r="AG96" s="58">
        <v>23.4</v>
      </c>
      <c r="AH96" s="50">
        <v>26739</v>
      </c>
      <c r="AI96" s="51">
        <v>6472</v>
      </c>
      <c r="AJ96" s="55">
        <v>24.2</v>
      </c>
      <c r="AK96" s="53">
        <v>26398</v>
      </c>
      <c r="AL96" s="51">
        <v>6617</v>
      </c>
      <c r="AM96" s="58">
        <v>25.1</v>
      </c>
      <c r="AN96" s="50">
        <v>25973</v>
      </c>
      <c r="AO96" s="51">
        <v>6766</v>
      </c>
      <c r="AP96" s="55">
        <v>26.1</v>
      </c>
      <c r="AQ96" s="53">
        <v>25678</v>
      </c>
      <c r="AR96" s="51">
        <v>6938</v>
      </c>
      <c r="AS96" s="58">
        <v>27</v>
      </c>
      <c r="AT96" s="50">
        <v>25248</v>
      </c>
      <c r="AU96" s="51">
        <v>7067</v>
      </c>
      <c r="AV96" s="55">
        <v>28</v>
      </c>
      <c r="AW96" s="53">
        <v>24912</v>
      </c>
      <c r="AX96" s="51">
        <v>7130</v>
      </c>
      <c r="AY96" s="54">
        <v>28.6</v>
      </c>
      <c r="AZ96" s="50">
        <v>24563</v>
      </c>
      <c r="BA96" s="51">
        <v>7116</v>
      </c>
      <c r="BB96" s="55">
        <v>29</v>
      </c>
      <c r="BC96" s="53">
        <v>24293</v>
      </c>
      <c r="BD96" s="51">
        <v>7202</v>
      </c>
      <c r="BE96" s="54">
        <v>29.6</v>
      </c>
      <c r="BF96" s="50">
        <v>23922</v>
      </c>
      <c r="BG96" s="51">
        <v>24170</v>
      </c>
      <c r="BH96" s="51">
        <v>7338</v>
      </c>
      <c r="BI96" s="51">
        <v>7341</v>
      </c>
      <c r="BJ96" s="56">
        <v>30.7</v>
      </c>
      <c r="BK96" s="52">
        <v>30.4</v>
      </c>
      <c r="BL96" s="53">
        <v>23774</v>
      </c>
      <c r="BM96" s="51">
        <v>24039</v>
      </c>
      <c r="BN96" s="51">
        <v>7406</v>
      </c>
      <c r="BO96" s="51">
        <v>7409</v>
      </c>
      <c r="BP96" s="57">
        <v>31.2</v>
      </c>
      <c r="BQ96" s="58">
        <v>30.8</v>
      </c>
      <c r="BR96" s="50">
        <v>23355</v>
      </c>
      <c r="BS96" s="51">
        <v>23644</v>
      </c>
      <c r="BT96" s="51">
        <v>7573</v>
      </c>
      <c r="BU96" s="51">
        <v>7578</v>
      </c>
      <c r="BV96" s="57">
        <v>32.4</v>
      </c>
      <c r="BW96" s="52">
        <v>32.1</v>
      </c>
      <c r="BX96" s="53">
        <v>22964</v>
      </c>
      <c r="BY96" s="51">
        <v>23277</v>
      </c>
      <c r="BZ96" s="51">
        <v>7688</v>
      </c>
      <c r="CA96" s="51">
        <v>7691</v>
      </c>
      <c r="CB96" s="57">
        <v>33.5</v>
      </c>
      <c r="CC96" s="54">
        <v>33</v>
      </c>
      <c r="CD96" s="93">
        <v>22564</v>
      </c>
      <c r="CE96" s="51">
        <v>22866</v>
      </c>
      <c r="CF96" s="72">
        <v>7750</v>
      </c>
      <c r="CG96" s="51">
        <v>7754</v>
      </c>
      <c r="CH96" s="57">
        <v>34.299999999999997</v>
      </c>
      <c r="CI96" s="52">
        <v>33.9</v>
      </c>
      <c r="CJ96" s="53">
        <v>22192</v>
      </c>
      <c r="CK96" s="51">
        <v>22527</v>
      </c>
      <c r="CL96" s="51">
        <v>7815</v>
      </c>
      <c r="CM96" s="51">
        <v>7818</v>
      </c>
      <c r="CN96" s="57">
        <v>35.200000000000003</v>
      </c>
      <c r="CO96" s="54">
        <v>34.700000000000003</v>
      </c>
      <c r="CP96" s="50">
        <v>21714</v>
      </c>
      <c r="CQ96" s="51">
        <v>22044</v>
      </c>
      <c r="CR96" s="51">
        <v>7824</v>
      </c>
      <c r="CS96" s="51">
        <v>7829</v>
      </c>
      <c r="CT96" s="57">
        <v>36</v>
      </c>
      <c r="CU96" s="61">
        <v>35.5</v>
      </c>
      <c r="CV96" s="50">
        <v>21171</v>
      </c>
      <c r="CW96" s="51">
        <v>21582</v>
      </c>
      <c r="CX96" s="51">
        <v>7763</v>
      </c>
      <c r="CY96" s="51">
        <v>7768</v>
      </c>
      <c r="CZ96" s="21">
        <f t="shared" si="6"/>
        <v>36.700000000000003</v>
      </c>
      <c r="DA96" s="23">
        <f t="shared" si="7"/>
        <v>36</v>
      </c>
      <c r="DB96" s="50">
        <v>20816</v>
      </c>
      <c r="DC96" s="51">
        <v>21317</v>
      </c>
      <c r="DD96" s="51">
        <v>7697</v>
      </c>
      <c r="DE96" s="51">
        <v>7701</v>
      </c>
      <c r="DF96" s="21">
        <v>37</v>
      </c>
      <c r="DG96" s="23">
        <v>36.1</v>
      </c>
      <c r="DH96" s="50">
        <v>20523</v>
      </c>
      <c r="DI96" s="51">
        <v>20928</v>
      </c>
      <c r="DJ96" s="51">
        <v>7665</v>
      </c>
      <c r="DK96" s="51">
        <v>7670</v>
      </c>
      <c r="DL96" s="57">
        <f t="shared" si="8"/>
        <v>37.348340885835398</v>
      </c>
      <c r="DM96" s="61">
        <f t="shared" si="9"/>
        <v>36.649464831804281</v>
      </c>
      <c r="DN96" s="50">
        <v>20108</v>
      </c>
      <c r="DO96" s="51">
        <v>20618</v>
      </c>
      <c r="DP96" s="51">
        <v>7617</v>
      </c>
      <c r="DQ96" s="51">
        <v>7622</v>
      </c>
      <c r="DR96" s="57">
        <f t="shared" si="10"/>
        <v>37.880445593793517</v>
      </c>
      <c r="DS96" s="61">
        <f t="shared" si="11"/>
        <v>36.967698127849452</v>
      </c>
    </row>
    <row r="97" spans="1:123" x14ac:dyDescent="0.2">
      <c r="A97" s="175"/>
      <c r="B97" s="176"/>
      <c r="C97" s="123" t="s">
        <v>62</v>
      </c>
      <c r="D97" s="27">
        <v>14624</v>
      </c>
      <c r="E97" s="25">
        <v>1980</v>
      </c>
      <c r="F97" s="26">
        <v>13.5</v>
      </c>
      <c r="G97" s="27">
        <v>14135</v>
      </c>
      <c r="H97" s="25">
        <v>2086</v>
      </c>
      <c r="I97" s="28">
        <v>14.8</v>
      </c>
      <c r="J97" s="24">
        <v>13938</v>
      </c>
      <c r="K97" s="25">
        <v>2202</v>
      </c>
      <c r="L97" s="26">
        <v>15.8</v>
      </c>
      <c r="M97" s="27">
        <v>13822</v>
      </c>
      <c r="N97" s="25">
        <v>2289</v>
      </c>
      <c r="O97" s="28">
        <v>16.600000000000001</v>
      </c>
      <c r="P97" s="24">
        <v>13682</v>
      </c>
      <c r="Q97" s="25">
        <v>2343</v>
      </c>
      <c r="R97" s="26">
        <v>17.100000000000001</v>
      </c>
      <c r="S97" s="27">
        <v>13516</v>
      </c>
      <c r="T97" s="25">
        <v>2435</v>
      </c>
      <c r="U97" s="62">
        <v>18</v>
      </c>
      <c r="V97" s="24">
        <v>13498</v>
      </c>
      <c r="W97" s="25">
        <v>2504</v>
      </c>
      <c r="X97" s="63">
        <v>18.600000000000001</v>
      </c>
      <c r="Y97" s="27">
        <v>13357</v>
      </c>
      <c r="Z97" s="25">
        <v>2556</v>
      </c>
      <c r="AA97" s="62">
        <v>19.100000000000001</v>
      </c>
      <c r="AB97" s="24">
        <v>13216</v>
      </c>
      <c r="AC97" s="25">
        <v>2603</v>
      </c>
      <c r="AD97" s="63">
        <v>19.7</v>
      </c>
      <c r="AE97" s="27">
        <v>13029</v>
      </c>
      <c r="AF97" s="25">
        <v>2641</v>
      </c>
      <c r="AG97" s="62">
        <v>20.3</v>
      </c>
      <c r="AH97" s="24">
        <v>12729</v>
      </c>
      <c r="AI97" s="25">
        <v>2663</v>
      </c>
      <c r="AJ97" s="63">
        <v>20.9</v>
      </c>
      <c r="AK97" s="27">
        <v>12536</v>
      </c>
      <c r="AL97" s="25">
        <v>2703</v>
      </c>
      <c r="AM97" s="62">
        <v>21.6</v>
      </c>
      <c r="AN97" s="24">
        <v>12294</v>
      </c>
      <c r="AO97" s="25">
        <v>2751</v>
      </c>
      <c r="AP97" s="63">
        <v>22.4</v>
      </c>
      <c r="AQ97" s="27">
        <v>12165</v>
      </c>
      <c r="AR97" s="25">
        <v>2811</v>
      </c>
      <c r="AS97" s="62">
        <v>23.1</v>
      </c>
      <c r="AT97" s="24">
        <v>12005</v>
      </c>
      <c r="AU97" s="25">
        <v>2872</v>
      </c>
      <c r="AV97" s="63">
        <v>23.9</v>
      </c>
      <c r="AW97" s="27">
        <v>11831</v>
      </c>
      <c r="AX97" s="25">
        <v>2870</v>
      </c>
      <c r="AY97" s="28">
        <v>24.3</v>
      </c>
      <c r="AZ97" s="24">
        <v>11660</v>
      </c>
      <c r="BA97" s="25">
        <v>2841</v>
      </c>
      <c r="BB97" s="63">
        <v>24.4</v>
      </c>
      <c r="BC97" s="27">
        <v>11569</v>
      </c>
      <c r="BD97" s="25">
        <v>2879</v>
      </c>
      <c r="BE97" s="28">
        <v>24.9</v>
      </c>
      <c r="BF97" s="24">
        <v>11369</v>
      </c>
      <c r="BG97" s="25">
        <v>11404</v>
      </c>
      <c r="BH97" s="25">
        <v>2935</v>
      </c>
      <c r="BI97" s="25">
        <v>2937</v>
      </c>
      <c r="BJ97" s="64">
        <v>25.8</v>
      </c>
      <c r="BK97" s="26">
        <v>25.8</v>
      </c>
      <c r="BL97" s="27">
        <v>11265</v>
      </c>
      <c r="BM97" s="25">
        <v>11294</v>
      </c>
      <c r="BN97" s="25">
        <v>2956</v>
      </c>
      <c r="BO97" s="25">
        <v>2958</v>
      </c>
      <c r="BP97" s="34">
        <v>26.2</v>
      </c>
      <c r="BQ97" s="62">
        <v>26.2</v>
      </c>
      <c r="BR97" s="24">
        <v>11065</v>
      </c>
      <c r="BS97" s="25">
        <v>11108</v>
      </c>
      <c r="BT97" s="25">
        <v>3011</v>
      </c>
      <c r="BU97" s="25">
        <v>3015</v>
      </c>
      <c r="BV97" s="34">
        <v>27.2</v>
      </c>
      <c r="BW97" s="26">
        <v>27.1</v>
      </c>
      <c r="BX97" s="27">
        <v>10904</v>
      </c>
      <c r="BY97" s="25">
        <v>10952</v>
      </c>
      <c r="BZ97" s="25">
        <v>3074</v>
      </c>
      <c r="CA97" s="25">
        <v>3076</v>
      </c>
      <c r="CB97" s="34">
        <v>28.2</v>
      </c>
      <c r="CC97" s="28">
        <v>28.1</v>
      </c>
      <c r="CD97" s="94">
        <v>10707</v>
      </c>
      <c r="CE97" s="25">
        <v>10754</v>
      </c>
      <c r="CF97" s="73">
        <v>3109</v>
      </c>
      <c r="CG97" s="25">
        <v>3111</v>
      </c>
      <c r="CH97" s="34">
        <v>29</v>
      </c>
      <c r="CI97" s="26">
        <v>28.9</v>
      </c>
      <c r="CJ97" s="27">
        <v>10541</v>
      </c>
      <c r="CK97" s="25">
        <v>10598</v>
      </c>
      <c r="CL97" s="25">
        <v>3139</v>
      </c>
      <c r="CM97" s="25">
        <v>3140</v>
      </c>
      <c r="CN97" s="34">
        <v>29.8</v>
      </c>
      <c r="CO97" s="28">
        <v>29.6</v>
      </c>
      <c r="CP97" s="24">
        <v>10293</v>
      </c>
      <c r="CQ97" s="25">
        <v>10348</v>
      </c>
      <c r="CR97" s="25">
        <v>3143</v>
      </c>
      <c r="CS97" s="25">
        <v>3144</v>
      </c>
      <c r="CT97" s="34">
        <v>30.5</v>
      </c>
      <c r="CU97" s="36">
        <v>30.4</v>
      </c>
      <c r="CV97" s="24">
        <v>10040</v>
      </c>
      <c r="CW97" s="25">
        <v>10114</v>
      </c>
      <c r="CX97" s="25">
        <v>3151</v>
      </c>
      <c r="CY97" s="25">
        <v>3152</v>
      </c>
      <c r="CZ97" s="34">
        <f t="shared" si="6"/>
        <v>31.4</v>
      </c>
      <c r="DA97" s="36">
        <f t="shared" si="7"/>
        <v>31.2</v>
      </c>
      <c r="DB97" s="24">
        <v>9875</v>
      </c>
      <c r="DC97" s="25">
        <v>9958</v>
      </c>
      <c r="DD97" s="25">
        <v>3112</v>
      </c>
      <c r="DE97" s="25">
        <v>3112</v>
      </c>
      <c r="DF97" s="34">
        <v>31.5</v>
      </c>
      <c r="DG97" s="36">
        <v>31.3</v>
      </c>
      <c r="DH97" s="24">
        <v>9739</v>
      </c>
      <c r="DI97" s="25">
        <v>9825</v>
      </c>
      <c r="DJ97" s="25">
        <v>3103</v>
      </c>
      <c r="DK97" s="25">
        <v>3103</v>
      </c>
      <c r="DL97" s="34">
        <f t="shared" si="8"/>
        <v>31.861587431974534</v>
      </c>
      <c r="DM97" s="36">
        <f t="shared" si="9"/>
        <v>31.582697201017812</v>
      </c>
      <c r="DN97" s="24">
        <v>9540</v>
      </c>
      <c r="DO97" s="25">
        <v>9663</v>
      </c>
      <c r="DP97" s="25">
        <v>3076</v>
      </c>
      <c r="DQ97" s="25">
        <v>3076</v>
      </c>
      <c r="DR97" s="34">
        <f t="shared" si="10"/>
        <v>32.243186582809223</v>
      </c>
      <c r="DS97" s="36">
        <f t="shared" si="11"/>
        <v>31.832764151919697</v>
      </c>
    </row>
    <row r="98" spans="1:123" x14ac:dyDescent="0.2">
      <c r="A98" s="175"/>
      <c r="B98" s="176"/>
      <c r="C98" s="122" t="s">
        <v>63</v>
      </c>
      <c r="D98" s="40">
        <v>15161</v>
      </c>
      <c r="E98" s="38">
        <v>2682</v>
      </c>
      <c r="F98" s="39">
        <v>17.7</v>
      </c>
      <c r="G98" s="40">
        <v>15015</v>
      </c>
      <c r="H98" s="38">
        <v>2793</v>
      </c>
      <c r="I98" s="41">
        <v>18.600000000000001</v>
      </c>
      <c r="J98" s="37">
        <v>14858</v>
      </c>
      <c r="K98" s="38">
        <v>2910</v>
      </c>
      <c r="L98" s="39">
        <v>19.600000000000001</v>
      </c>
      <c r="M98" s="40">
        <v>14820</v>
      </c>
      <c r="N98" s="38">
        <v>3020</v>
      </c>
      <c r="O98" s="41">
        <v>20.399999999999999</v>
      </c>
      <c r="P98" s="37">
        <v>14704</v>
      </c>
      <c r="Q98" s="38">
        <v>3137</v>
      </c>
      <c r="R98" s="39">
        <v>21.3</v>
      </c>
      <c r="S98" s="40">
        <v>14558</v>
      </c>
      <c r="T98" s="38">
        <v>3242</v>
      </c>
      <c r="U98" s="67">
        <v>22.3</v>
      </c>
      <c r="V98" s="37">
        <v>14468</v>
      </c>
      <c r="W98" s="38">
        <v>3376</v>
      </c>
      <c r="X98" s="68">
        <v>23.3</v>
      </c>
      <c r="Y98" s="40">
        <v>14411</v>
      </c>
      <c r="Z98" s="38">
        <v>3479</v>
      </c>
      <c r="AA98" s="67">
        <v>24.1</v>
      </c>
      <c r="AB98" s="37">
        <v>14233</v>
      </c>
      <c r="AC98" s="38">
        <v>3599</v>
      </c>
      <c r="AD98" s="68">
        <v>25.3</v>
      </c>
      <c r="AE98" s="40">
        <v>14130</v>
      </c>
      <c r="AF98" s="38">
        <v>3720</v>
      </c>
      <c r="AG98" s="67">
        <v>26.3</v>
      </c>
      <c r="AH98" s="37">
        <v>14010</v>
      </c>
      <c r="AI98" s="38">
        <v>3809</v>
      </c>
      <c r="AJ98" s="68">
        <v>27.2</v>
      </c>
      <c r="AK98" s="40">
        <v>13862</v>
      </c>
      <c r="AL98" s="38">
        <v>3914</v>
      </c>
      <c r="AM98" s="67">
        <v>28.2</v>
      </c>
      <c r="AN98" s="37">
        <v>13679</v>
      </c>
      <c r="AO98" s="38">
        <v>4015</v>
      </c>
      <c r="AP98" s="68">
        <v>29.4</v>
      </c>
      <c r="AQ98" s="40">
        <v>13513</v>
      </c>
      <c r="AR98" s="38">
        <v>4127</v>
      </c>
      <c r="AS98" s="67">
        <v>30.5</v>
      </c>
      <c r="AT98" s="37">
        <v>13243</v>
      </c>
      <c r="AU98" s="38">
        <v>4195</v>
      </c>
      <c r="AV98" s="68">
        <v>31.7</v>
      </c>
      <c r="AW98" s="40">
        <v>13081</v>
      </c>
      <c r="AX98" s="38">
        <v>4260</v>
      </c>
      <c r="AY98" s="41">
        <v>32.6</v>
      </c>
      <c r="AZ98" s="37">
        <v>12903</v>
      </c>
      <c r="BA98" s="38">
        <v>4275</v>
      </c>
      <c r="BB98" s="68">
        <v>33.1</v>
      </c>
      <c r="BC98" s="40">
        <v>12724</v>
      </c>
      <c r="BD98" s="38">
        <v>4323</v>
      </c>
      <c r="BE98" s="41">
        <v>34</v>
      </c>
      <c r="BF98" s="37">
        <v>12553</v>
      </c>
      <c r="BG98" s="38">
        <v>12766</v>
      </c>
      <c r="BH98" s="38">
        <v>4403</v>
      </c>
      <c r="BI98" s="38">
        <v>4404</v>
      </c>
      <c r="BJ98" s="69">
        <v>35.1</v>
      </c>
      <c r="BK98" s="39">
        <v>34.5</v>
      </c>
      <c r="BL98" s="40">
        <v>12509</v>
      </c>
      <c r="BM98" s="38">
        <v>12745</v>
      </c>
      <c r="BN98" s="38">
        <v>4450</v>
      </c>
      <c r="BO98" s="38">
        <v>4451</v>
      </c>
      <c r="BP98" s="47">
        <v>35.6</v>
      </c>
      <c r="BQ98" s="67">
        <v>34.9</v>
      </c>
      <c r="BR98" s="37">
        <v>12290</v>
      </c>
      <c r="BS98" s="38">
        <v>12536</v>
      </c>
      <c r="BT98" s="38">
        <v>4562</v>
      </c>
      <c r="BU98" s="38">
        <v>4563</v>
      </c>
      <c r="BV98" s="47">
        <v>37.1</v>
      </c>
      <c r="BW98" s="39">
        <v>36.4</v>
      </c>
      <c r="BX98" s="40">
        <v>12060</v>
      </c>
      <c r="BY98" s="38">
        <v>12325</v>
      </c>
      <c r="BZ98" s="38">
        <v>4614</v>
      </c>
      <c r="CA98" s="38">
        <v>4615</v>
      </c>
      <c r="CB98" s="47">
        <v>38.299999999999997</v>
      </c>
      <c r="CC98" s="41">
        <v>37.4</v>
      </c>
      <c r="CD98" s="95">
        <v>11857</v>
      </c>
      <c r="CE98" s="38">
        <v>12112</v>
      </c>
      <c r="CF98" s="74">
        <v>4641</v>
      </c>
      <c r="CG98" s="38">
        <v>4643</v>
      </c>
      <c r="CH98" s="47">
        <v>39.1</v>
      </c>
      <c r="CI98" s="39">
        <v>38.299999999999997</v>
      </c>
      <c r="CJ98" s="40">
        <v>11651</v>
      </c>
      <c r="CK98" s="38">
        <v>11929</v>
      </c>
      <c r="CL98" s="38">
        <v>4676</v>
      </c>
      <c r="CM98" s="38">
        <v>4678</v>
      </c>
      <c r="CN98" s="47">
        <v>40.1</v>
      </c>
      <c r="CO98" s="41">
        <v>39.200000000000003</v>
      </c>
      <c r="CP98" s="37">
        <v>11421</v>
      </c>
      <c r="CQ98" s="38">
        <v>11696</v>
      </c>
      <c r="CR98" s="38">
        <v>4681</v>
      </c>
      <c r="CS98" s="38">
        <v>4685</v>
      </c>
      <c r="CT98" s="47">
        <v>41</v>
      </c>
      <c r="CU98" s="49">
        <v>40.1</v>
      </c>
      <c r="CV98" s="37">
        <v>11131</v>
      </c>
      <c r="CW98" s="38">
        <v>11468</v>
      </c>
      <c r="CX98" s="38">
        <v>4612</v>
      </c>
      <c r="CY98" s="38">
        <v>4616</v>
      </c>
      <c r="CZ98" s="47">
        <f t="shared" si="6"/>
        <v>41.4</v>
      </c>
      <c r="DA98" s="49">
        <f t="shared" si="7"/>
        <v>40.299999999999997</v>
      </c>
      <c r="DB98" s="37">
        <v>10941</v>
      </c>
      <c r="DC98" s="38">
        <v>11359</v>
      </c>
      <c r="DD98" s="38">
        <v>4585</v>
      </c>
      <c r="DE98" s="38">
        <v>4589</v>
      </c>
      <c r="DF98" s="47">
        <v>41.9</v>
      </c>
      <c r="DG98" s="49">
        <v>40.4</v>
      </c>
      <c r="DH98" s="37">
        <v>10784</v>
      </c>
      <c r="DI98" s="38">
        <v>11103</v>
      </c>
      <c r="DJ98" s="38">
        <v>4562</v>
      </c>
      <c r="DK98" s="38">
        <v>4567</v>
      </c>
      <c r="DL98" s="21">
        <f t="shared" si="8"/>
        <v>42.303412462908014</v>
      </c>
      <c r="DM98" s="23">
        <f t="shared" si="9"/>
        <v>41.133027109790149</v>
      </c>
      <c r="DN98" s="37">
        <v>10568</v>
      </c>
      <c r="DO98" s="38">
        <v>10955</v>
      </c>
      <c r="DP98" s="38">
        <v>4541</v>
      </c>
      <c r="DQ98" s="38">
        <v>4546</v>
      </c>
      <c r="DR98" s="21">
        <f t="shared" si="10"/>
        <v>42.969341408024228</v>
      </c>
      <c r="DS98" s="23">
        <f t="shared" si="11"/>
        <v>41.497033318119577</v>
      </c>
    </row>
    <row r="99" spans="1:123" x14ac:dyDescent="0.2">
      <c r="A99" s="175" t="s">
        <v>43</v>
      </c>
      <c r="B99" s="176"/>
      <c r="C99" s="121" t="s">
        <v>61</v>
      </c>
      <c r="D99" s="53">
        <v>24906</v>
      </c>
      <c r="E99" s="51">
        <v>5083</v>
      </c>
      <c r="F99" s="52">
        <v>20.399999999999999</v>
      </c>
      <c r="G99" s="53">
        <v>24654</v>
      </c>
      <c r="H99" s="51">
        <v>5238</v>
      </c>
      <c r="I99" s="54">
        <v>21.2</v>
      </c>
      <c r="J99" s="50">
        <v>24372</v>
      </c>
      <c r="K99" s="51">
        <v>5380</v>
      </c>
      <c r="L99" s="52">
        <v>22.1</v>
      </c>
      <c r="M99" s="53">
        <v>24239</v>
      </c>
      <c r="N99" s="51">
        <v>5329</v>
      </c>
      <c r="O99" s="54">
        <v>22</v>
      </c>
      <c r="P99" s="50">
        <v>24104</v>
      </c>
      <c r="Q99" s="51">
        <v>5431</v>
      </c>
      <c r="R99" s="52">
        <v>22.5</v>
      </c>
      <c r="S99" s="53">
        <v>23850</v>
      </c>
      <c r="T99" s="51">
        <v>5489</v>
      </c>
      <c r="U99" s="58">
        <v>23</v>
      </c>
      <c r="V99" s="50">
        <v>23508</v>
      </c>
      <c r="W99" s="51">
        <v>5690</v>
      </c>
      <c r="X99" s="55">
        <v>24.2</v>
      </c>
      <c r="Y99" s="53">
        <v>23209</v>
      </c>
      <c r="Z99" s="51">
        <v>5820</v>
      </c>
      <c r="AA99" s="58">
        <v>25.1</v>
      </c>
      <c r="AB99" s="50">
        <v>22932</v>
      </c>
      <c r="AC99" s="51">
        <v>5918</v>
      </c>
      <c r="AD99" s="55">
        <v>25.8</v>
      </c>
      <c r="AE99" s="53">
        <v>22513</v>
      </c>
      <c r="AF99" s="51">
        <v>5990</v>
      </c>
      <c r="AG99" s="58">
        <v>26.6</v>
      </c>
      <c r="AH99" s="50">
        <v>22183</v>
      </c>
      <c r="AI99" s="51">
        <v>5992</v>
      </c>
      <c r="AJ99" s="55">
        <v>27</v>
      </c>
      <c r="AK99" s="53">
        <v>23584</v>
      </c>
      <c r="AL99" s="51">
        <v>6818</v>
      </c>
      <c r="AM99" s="58">
        <v>28.9</v>
      </c>
      <c r="AN99" s="50">
        <v>23294</v>
      </c>
      <c r="AO99" s="51">
        <v>6931</v>
      </c>
      <c r="AP99" s="55">
        <v>29.8</v>
      </c>
      <c r="AQ99" s="53">
        <v>22847</v>
      </c>
      <c r="AR99" s="51">
        <v>7037</v>
      </c>
      <c r="AS99" s="58">
        <v>30.8</v>
      </c>
      <c r="AT99" s="50">
        <v>22666</v>
      </c>
      <c r="AU99" s="51">
        <v>7120</v>
      </c>
      <c r="AV99" s="55">
        <v>31.4</v>
      </c>
      <c r="AW99" s="53">
        <v>22367</v>
      </c>
      <c r="AX99" s="51">
        <v>7171</v>
      </c>
      <c r="AY99" s="54">
        <v>32.1</v>
      </c>
      <c r="AZ99" s="50">
        <v>21922</v>
      </c>
      <c r="BA99" s="51">
        <v>7134</v>
      </c>
      <c r="BB99" s="55">
        <v>32.5</v>
      </c>
      <c r="BC99" s="53">
        <v>21640</v>
      </c>
      <c r="BD99" s="51">
        <v>7215</v>
      </c>
      <c r="BE99" s="54">
        <v>33.299999999999997</v>
      </c>
      <c r="BF99" s="50">
        <v>21238</v>
      </c>
      <c r="BG99" s="51">
        <v>21287</v>
      </c>
      <c r="BH99" s="51">
        <v>7266</v>
      </c>
      <c r="BI99" s="51">
        <v>7266</v>
      </c>
      <c r="BJ99" s="56">
        <v>34.200000000000003</v>
      </c>
      <c r="BK99" s="52">
        <v>34.1</v>
      </c>
      <c r="BL99" s="53">
        <v>21037</v>
      </c>
      <c r="BM99" s="51">
        <v>21075</v>
      </c>
      <c r="BN99" s="51">
        <v>7256</v>
      </c>
      <c r="BO99" s="51">
        <v>7256</v>
      </c>
      <c r="BP99" s="57">
        <v>34.5</v>
      </c>
      <c r="BQ99" s="58">
        <v>34.4</v>
      </c>
      <c r="BR99" s="50">
        <v>20637</v>
      </c>
      <c r="BS99" s="51">
        <v>20676</v>
      </c>
      <c r="BT99" s="51">
        <v>7348</v>
      </c>
      <c r="BU99" s="51">
        <v>7348</v>
      </c>
      <c r="BV99" s="57">
        <v>35.6</v>
      </c>
      <c r="BW99" s="52">
        <v>35.5</v>
      </c>
      <c r="BX99" s="53">
        <v>20166</v>
      </c>
      <c r="BY99" s="51">
        <v>20216</v>
      </c>
      <c r="BZ99" s="51">
        <v>7420</v>
      </c>
      <c r="CA99" s="51">
        <v>7423</v>
      </c>
      <c r="CB99" s="57">
        <v>36.799999999999997</v>
      </c>
      <c r="CC99" s="54">
        <v>36.700000000000003</v>
      </c>
      <c r="CD99" s="93">
        <v>19637</v>
      </c>
      <c r="CE99" s="51">
        <v>19699</v>
      </c>
      <c r="CF99" s="72">
        <v>7404</v>
      </c>
      <c r="CG99" s="51">
        <v>7407</v>
      </c>
      <c r="CH99" s="57">
        <v>37.700000000000003</v>
      </c>
      <c r="CI99" s="52">
        <v>37.6</v>
      </c>
      <c r="CJ99" s="53">
        <v>19268</v>
      </c>
      <c r="CK99" s="51">
        <v>19348</v>
      </c>
      <c r="CL99" s="51">
        <v>7413</v>
      </c>
      <c r="CM99" s="51">
        <v>7416</v>
      </c>
      <c r="CN99" s="57">
        <v>38.5</v>
      </c>
      <c r="CO99" s="54">
        <v>38.299999999999997</v>
      </c>
      <c r="CP99" s="50">
        <v>18886</v>
      </c>
      <c r="CQ99" s="51">
        <v>18965</v>
      </c>
      <c r="CR99" s="51">
        <v>7439</v>
      </c>
      <c r="CS99" s="51">
        <v>7441</v>
      </c>
      <c r="CT99" s="57">
        <v>39.4</v>
      </c>
      <c r="CU99" s="61">
        <v>39.200000000000003</v>
      </c>
      <c r="CV99" s="50">
        <v>18481</v>
      </c>
      <c r="CW99" s="51">
        <v>18562</v>
      </c>
      <c r="CX99" s="51">
        <v>7449</v>
      </c>
      <c r="CY99" s="51">
        <v>7451</v>
      </c>
      <c r="CZ99" s="21">
        <f t="shared" si="6"/>
        <v>40.299999999999997</v>
      </c>
      <c r="DA99" s="23">
        <f t="shared" si="7"/>
        <v>40.1</v>
      </c>
      <c r="DB99" s="50">
        <v>18050</v>
      </c>
      <c r="DC99" s="51">
        <v>18134</v>
      </c>
      <c r="DD99" s="51">
        <v>7394</v>
      </c>
      <c r="DE99" s="51">
        <v>7396</v>
      </c>
      <c r="DF99" s="21">
        <v>41</v>
      </c>
      <c r="DG99" s="23">
        <v>40.799999999999997</v>
      </c>
      <c r="DH99" s="50">
        <v>17578</v>
      </c>
      <c r="DI99" s="51">
        <v>17676</v>
      </c>
      <c r="DJ99" s="51">
        <v>7288</v>
      </c>
      <c r="DK99" s="51">
        <v>7291</v>
      </c>
      <c r="DL99" s="57">
        <f t="shared" si="8"/>
        <v>41.460917055410171</v>
      </c>
      <c r="DM99" s="61">
        <f t="shared" si="9"/>
        <v>41.248019914007692</v>
      </c>
      <c r="DN99" s="50">
        <v>17163</v>
      </c>
      <c r="DO99" s="51">
        <v>17283</v>
      </c>
      <c r="DP99" s="51">
        <v>7193</v>
      </c>
      <c r="DQ99" s="51">
        <v>7197</v>
      </c>
      <c r="DR99" s="57">
        <f t="shared" si="10"/>
        <v>41.90992250772009</v>
      </c>
      <c r="DS99" s="61">
        <f t="shared" si="11"/>
        <v>41.64207602846728</v>
      </c>
    </row>
    <row r="100" spans="1:123" x14ac:dyDescent="0.2">
      <c r="A100" s="175"/>
      <c r="B100" s="176"/>
      <c r="C100" s="123" t="s">
        <v>62</v>
      </c>
      <c r="D100" s="27">
        <v>11890</v>
      </c>
      <c r="E100" s="25">
        <v>2251</v>
      </c>
      <c r="F100" s="26">
        <v>18.899999999999999</v>
      </c>
      <c r="G100" s="27">
        <v>11751</v>
      </c>
      <c r="H100" s="25">
        <v>2317</v>
      </c>
      <c r="I100" s="28">
        <v>19.7</v>
      </c>
      <c r="J100" s="24">
        <v>11608</v>
      </c>
      <c r="K100" s="25">
        <v>2364</v>
      </c>
      <c r="L100" s="26">
        <v>20.399999999999999</v>
      </c>
      <c r="M100" s="27">
        <v>11589</v>
      </c>
      <c r="N100" s="25">
        <v>2348</v>
      </c>
      <c r="O100" s="28">
        <v>20.3</v>
      </c>
      <c r="P100" s="24">
        <v>11522</v>
      </c>
      <c r="Q100" s="25">
        <v>2388</v>
      </c>
      <c r="R100" s="26">
        <v>20.7</v>
      </c>
      <c r="S100" s="27">
        <v>11418</v>
      </c>
      <c r="T100" s="25">
        <v>2451</v>
      </c>
      <c r="U100" s="62">
        <v>21.5</v>
      </c>
      <c r="V100" s="24">
        <v>11211</v>
      </c>
      <c r="W100" s="25">
        <v>2540</v>
      </c>
      <c r="X100" s="63">
        <v>22.7</v>
      </c>
      <c r="Y100" s="27">
        <v>11067</v>
      </c>
      <c r="Z100" s="25">
        <v>2584</v>
      </c>
      <c r="AA100" s="62">
        <v>23.3</v>
      </c>
      <c r="AB100" s="24">
        <v>10895</v>
      </c>
      <c r="AC100" s="25">
        <v>2593</v>
      </c>
      <c r="AD100" s="63">
        <v>23.8</v>
      </c>
      <c r="AE100" s="27">
        <v>10664</v>
      </c>
      <c r="AF100" s="25">
        <v>2607</v>
      </c>
      <c r="AG100" s="62">
        <v>24.4</v>
      </c>
      <c r="AH100" s="24">
        <v>10499</v>
      </c>
      <c r="AI100" s="25">
        <v>2603</v>
      </c>
      <c r="AJ100" s="63">
        <v>24.8</v>
      </c>
      <c r="AK100" s="27">
        <v>11167</v>
      </c>
      <c r="AL100" s="25">
        <v>2953</v>
      </c>
      <c r="AM100" s="62">
        <v>26.4</v>
      </c>
      <c r="AN100" s="24">
        <v>10996</v>
      </c>
      <c r="AO100" s="25">
        <v>2986</v>
      </c>
      <c r="AP100" s="63">
        <v>27.2</v>
      </c>
      <c r="AQ100" s="27">
        <v>10748</v>
      </c>
      <c r="AR100" s="25">
        <v>3003</v>
      </c>
      <c r="AS100" s="62">
        <v>27.9</v>
      </c>
      <c r="AT100" s="24">
        <v>10666</v>
      </c>
      <c r="AU100" s="25">
        <v>3025</v>
      </c>
      <c r="AV100" s="63">
        <v>28.4</v>
      </c>
      <c r="AW100" s="27">
        <v>10534</v>
      </c>
      <c r="AX100" s="25">
        <v>3033</v>
      </c>
      <c r="AY100" s="28">
        <v>28.8</v>
      </c>
      <c r="AZ100" s="24">
        <v>10337</v>
      </c>
      <c r="BA100" s="25">
        <v>2999</v>
      </c>
      <c r="BB100" s="63">
        <v>29</v>
      </c>
      <c r="BC100" s="27">
        <v>10208</v>
      </c>
      <c r="BD100" s="25">
        <v>3019</v>
      </c>
      <c r="BE100" s="28">
        <v>29.6</v>
      </c>
      <c r="BF100" s="24">
        <v>10009</v>
      </c>
      <c r="BG100" s="25">
        <v>10034</v>
      </c>
      <c r="BH100" s="25">
        <v>3008</v>
      </c>
      <c r="BI100" s="25">
        <v>3008</v>
      </c>
      <c r="BJ100" s="64">
        <v>30.1</v>
      </c>
      <c r="BK100" s="26">
        <v>30</v>
      </c>
      <c r="BL100" s="27">
        <v>9908</v>
      </c>
      <c r="BM100" s="25">
        <v>9928</v>
      </c>
      <c r="BN100" s="25">
        <v>3006</v>
      </c>
      <c r="BO100" s="25">
        <v>3006</v>
      </c>
      <c r="BP100" s="34">
        <v>30.3</v>
      </c>
      <c r="BQ100" s="62">
        <v>30.3</v>
      </c>
      <c r="BR100" s="24">
        <v>9751</v>
      </c>
      <c r="BS100" s="25">
        <v>9773</v>
      </c>
      <c r="BT100" s="25">
        <v>3061</v>
      </c>
      <c r="BU100" s="25">
        <v>3061</v>
      </c>
      <c r="BV100" s="34">
        <v>31.4</v>
      </c>
      <c r="BW100" s="26">
        <v>31.3</v>
      </c>
      <c r="BX100" s="27">
        <v>9517</v>
      </c>
      <c r="BY100" s="25">
        <v>9549</v>
      </c>
      <c r="BZ100" s="25">
        <v>3108</v>
      </c>
      <c r="CA100" s="25">
        <v>3109</v>
      </c>
      <c r="CB100" s="34">
        <v>32.700000000000003</v>
      </c>
      <c r="CC100" s="28">
        <v>32.6</v>
      </c>
      <c r="CD100" s="94">
        <v>9252</v>
      </c>
      <c r="CE100" s="25">
        <v>9289</v>
      </c>
      <c r="CF100" s="73">
        <v>3096</v>
      </c>
      <c r="CG100" s="25">
        <v>3097</v>
      </c>
      <c r="CH100" s="34">
        <v>33.5</v>
      </c>
      <c r="CI100" s="26">
        <v>33.299999999999997</v>
      </c>
      <c r="CJ100" s="27">
        <v>9073</v>
      </c>
      <c r="CK100" s="25">
        <v>9131</v>
      </c>
      <c r="CL100" s="25">
        <v>3092</v>
      </c>
      <c r="CM100" s="25">
        <v>3093</v>
      </c>
      <c r="CN100" s="34">
        <v>34.1</v>
      </c>
      <c r="CO100" s="28">
        <v>33.9</v>
      </c>
      <c r="CP100" s="24">
        <v>8916</v>
      </c>
      <c r="CQ100" s="25">
        <v>8975</v>
      </c>
      <c r="CR100" s="25">
        <v>3106</v>
      </c>
      <c r="CS100" s="25">
        <v>3106</v>
      </c>
      <c r="CT100" s="34">
        <v>34.799999999999997</v>
      </c>
      <c r="CU100" s="36">
        <v>34.6</v>
      </c>
      <c r="CV100" s="24">
        <v>8718</v>
      </c>
      <c r="CW100" s="25">
        <v>8780</v>
      </c>
      <c r="CX100" s="25">
        <v>3116</v>
      </c>
      <c r="CY100" s="25">
        <v>3116</v>
      </c>
      <c r="CZ100" s="34">
        <f t="shared" si="6"/>
        <v>35.700000000000003</v>
      </c>
      <c r="DA100" s="36">
        <f t="shared" si="7"/>
        <v>35.5</v>
      </c>
      <c r="DB100" s="24">
        <v>8514</v>
      </c>
      <c r="DC100" s="25">
        <v>8575</v>
      </c>
      <c r="DD100" s="25">
        <v>3079</v>
      </c>
      <c r="DE100" s="25">
        <v>3079</v>
      </c>
      <c r="DF100" s="34">
        <v>36.200000000000003</v>
      </c>
      <c r="DG100" s="36">
        <v>35.9</v>
      </c>
      <c r="DH100" s="24">
        <v>8318</v>
      </c>
      <c r="DI100" s="25">
        <v>8390</v>
      </c>
      <c r="DJ100" s="25">
        <v>3056</v>
      </c>
      <c r="DK100" s="25">
        <v>3057</v>
      </c>
      <c r="DL100" s="34">
        <f t="shared" si="8"/>
        <v>36.739600865592692</v>
      </c>
      <c r="DM100" s="36">
        <f t="shared" si="9"/>
        <v>36.436233611442191</v>
      </c>
      <c r="DN100" s="24">
        <v>8152</v>
      </c>
      <c r="DO100" s="25">
        <v>8233</v>
      </c>
      <c r="DP100" s="25">
        <v>3022</v>
      </c>
      <c r="DQ100" s="25">
        <v>3024</v>
      </c>
      <c r="DR100" s="34">
        <f t="shared" si="10"/>
        <v>37.070657507360153</v>
      </c>
      <c r="DS100" s="36">
        <f t="shared" si="11"/>
        <v>36.730231993198103</v>
      </c>
    </row>
    <row r="101" spans="1:123" x14ac:dyDescent="0.2">
      <c r="A101" s="175"/>
      <c r="B101" s="176"/>
      <c r="C101" s="122" t="s">
        <v>63</v>
      </c>
      <c r="D101" s="40">
        <v>13016</v>
      </c>
      <c r="E101" s="38">
        <v>2832</v>
      </c>
      <c r="F101" s="39">
        <v>21.8</v>
      </c>
      <c r="G101" s="40">
        <v>12903</v>
      </c>
      <c r="H101" s="38">
        <v>2921</v>
      </c>
      <c r="I101" s="41">
        <v>22.6</v>
      </c>
      <c r="J101" s="37">
        <v>12764</v>
      </c>
      <c r="K101" s="38">
        <v>3016</v>
      </c>
      <c r="L101" s="39">
        <v>23.6</v>
      </c>
      <c r="M101" s="40">
        <v>12650</v>
      </c>
      <c r="N101" s="38">
        <v>2981</v>
      </c>
      <c r="O101" s="41">
        <v>23.6</v>
      </c>
      <c r="P101" s="37">
        <v>12582</v>
      </c>
      <c r="Q101" s="38">
        <v>3043</v>
      </c>
      <c r="R101" s="39">
        <v>24.2</v>
      </c>
      <c r="S101" s="40">
        <v>12432</v>
      </c>
      <c r="T101" s="38">
        <v>3038</v>
      </c>
      <c r="U101" s="67">
        <v>24.4</v>
      </c>
      <c r="V101" s="37">
        <v>12297</v>
      </c>
      <c r="W101" s="38">
        <v>3150</v>
      </c>
      <c r="X101" s="68">
        <v>25.6</v>
      </c>
      <c r="Y101" s="40">
        <v>12142</v>
      </c>
      <c r="Z101" s="38">
        <v>3236</v>
      </c>
      <c r="AA101" s="67">
        <v>26.7</v>
      </c>
      <c r="AB101" s="37">
        <v>12037</v>
      </c>
      <c r="AC101" s="38">
        <v>3325</v>
      </c>
      <c r="AD101" s="68">
        <v>27.6</v>
      </c>
      <c r="AE101" s="40">
        <v>11849</v>
      </c>
      <c r="AF101" s="38">
        <v>3383</v>
      </c>
      <c r="AG101" s="67">
        <v>28.6</v>
      </c>
      <c r="AH101" s="37">
        <v>11684</v>
      </c>
      <c r="AI101" s="38">
        <v>3389</v>
      </c>
      <c r="AJ101" s="68">
        <v>29</v>
      </c>
      <c r="AK101" s="40">
        <v>12417</v>
      </c>
      <c r="AL101" s="38">
        <v>3865</v>
      </c>
      <c r="AM101" s="67">
        <v>31.1</v>
      </c>
      <c r="AN101" s="37">
        <v>12298</v>
      </c>
      <c r="AO101" s="38">
        <v>3945</v>
      </c>
      <c r="AP101" s="68">
        <v>32.1</v>
      </c>
      <c r="AQ101" s="40">
        <v>12099</v>
      </c>
      <c r="AR101" s="38">
        <v>4034</v>
      </c>
      <c r="AS101" s="67">
        <v>33.299999999999997</v>
      </c>
      <c r="AT101" s="37">
        <v>12000</v>
      </c>
      <c r="AU101" s="38">
        <v>4095</v>
      </c>
      <c r="AV101" s="68">
        <v>34.1</v>
      </c>
      <c r="AW101" s="40">
        <v>11833</v>
      </c>
      <c r="AX101" s="38">
        <v>4138</v>
      </c>
      <c r="AY101" s="41">
        <v>35</v>
      </c>
      <c r="AZ101" s="37">
        <v>11585</v>
      </c>
      <c r="BA101" s="38">
        <v>4135</v>
      </c>
      <c r="BB101" s="68">
        <v>35.700000000000003</v>
      </c>
      <c r="BC101" s="40">
        <v>11432</v>
      </c>
      <c r="BD101" s="38">
        <v>4196</v>
      </c>
      <c r="BE101" s="41">
        <v>36.700000000000003</v>
      </c>
      <c r="BF101" s="37">
        <v>11229</v>
      </c>
      <c r="BG101" s="38">
        <v>11253</v>
      </c>
      <c r="BH101" s="38">
        <v>4258</v>
      </c>
      <c r="BI101" s="38">
        <v>4258</v>
      </c>
      <c r="BJ101" s="69">
        <v>37.9</v>
      </c>
      <c r="BK101" s="39">
        <v>37.799999999999997</v>
      </c>
      <c r="BL101" s="40">
        <v>11129</v>
      </c>
      <c r="BM101" s="38">
        <v>11147</v>
      </c>
      <c r="BN101" s="38">
        <v>4250</v>
      </c>
      <c r="BO101" s="38">
        <v>4250</v>
      </c>
      <c r="BP101" s="47">
        <v>38.200000000000003</v>
      </c>
      <c r="BQ101" s="67">
        <v>38.1</v>
      </c>
      <c r="BR101" s="37">
        <v>10886</v>
      </c>
      <c r="BS101" s="38">
        <v>10903</v>
      </c>
      <c r="BT101" s="38">
        <v>4287</v>
      </c>
      <c r="BU101" s="38">
        <v>4287</v>
      </c>
      <c r="BV101" s="47">
        <v>39.4</v>
      </c>
      <c r="BW101" s="39">
        <v>39.299999999999997</v>
      </c>
      <c r="BX101" s="40">
        <v>10649</v>
      </c>
      <c r="BY101" s="38">
        <v>10667</v>
      </c>
      <c r="BZ101" s="38">
        <v>4312</v>
      </c>
      <c r="CA101" s="38">
        <v>4314</v>
      </c>
      <c r="CB101" s="47">
        <v>40.5</v>
      </c>
      <c r="CC101" s="41">
        <v>40.4</v>
      </c>
      <c r="CD101" s="95">
        <v>10385</v>
      </c>
      <c r="CE101" s="38">
        <v>10410</v>
      </c>
      <c r="CF101" s="74">
        <v>4308</v>
      </c>
      <c r="CG101" s="38">
        <v>4310</v>
      </c>
      <c r="CH101" s="47">
        <v>41.5</v>
      </c>
      <c r="CI101" s="39">
        <v>41.4</v>
      </c>
      <c r="CJ101" s="40">
        <v>10195</v>
      </c>
      <c r="CK101" s="38">
        <v>10217</v>
      </c>
      <c r="CL101" s="38">
        <v>4321</v>
      </c>
      <c r="CM101" s="38">
        <v>4323</v>
      </c>
      <c r="CN101" s="47">
        <v>42.4</v>
      </c>
      <c r="CO101" s="41">
        <v>42.3</v>
      </c>
      <c r="CP101" s="37">
        <v>9970</v>
      </c>
      <c r="CQ101" s="38">
        <v>9990</v>
      </c>
      <c r="CR101" s="38">
        <v>4333</v>
      </c>
      <c r="CS101" s="38">
        <v>4335</v>
      </c>
      <c r="CT101" s="47">
        <v>43.5</v>
      </c>
      <c r="CU101" s="49">
        <v>43.4</v>
      </c>
      <c r="CV101" s="37">
        <v>9763</v>
      </c>
      <c r="CW101" s="38">
        <v>9782</v>
      </c>
      <c r="CX101" s="38">
        <v>4333</v>
      </c>
      <c r="CY101" s="38">
        <v>4335</v>
      </c>
      <c r="CZ101" s="47">
        <f t="shared" si="6"/>
        <v>44.4</v>
      </c>
      <c r="DA101" s="49">
        <f t="shared" si="7"/>
        <v>44.3</v>
      </c>
      <c r="DB101" s="37">
        <v>9536</v>
      </c>
      <c r="DC101" s="38">
        <v>9559</v>
      </c>
      <c r="DD101" s="38">
        <v>4315</v>
      </c>
      <c r="DE101" s="38">
        <v>4317</v>
      </c>
      <c r="DF101" s="47">
        <v>45.2</v>
      </c>
      <c r="DG101" s="49">
        <v>45.2</v>
      </c>
      <c r="DH101" s="37">
        <v>9260</v>
      </c>
      <c r="DI101" s="38">
        <v>9286</v>
      </c>
      <c r="DJ101" s="38">
        <v>4232</v>
      </c>
      <c r="DK101" s="38">
        <v>4234</v>
      </c>
      <c r="DL101" s="21">
        <f t="shared" si="8"/>
        <v>45.70194384449244</v>
      </c>
      <c r="DM101" s="49">
        <f t="shared" si="9"/>
        <v>45.595520137841909</v>
      </c>
      <c r="DN101" s="37">
        <v>9011</v>
      </c>
      <c r="DO101" s="38">
        <v>9050</v>
      </c>
      <c r="DP101" s="38">
        <v>4171</v>
      </c>
      <c r="DQ101" s="38">
        <v>4173</v>
      </c>
      <c r="DR101" s="21">
        <f t="shared" si="10"/>
        <v>46.287870380645877</v>
      </c>
      <c r="DS101" s="49">
        <f t="shared" si="11"/>
        <v>46.110497237569056</v>
      </c>
    </row>
    <row r="102" spans="1:123" x14ac:dyDescent="0.2">
      <c r="A102" s="175" t="s">
        <v>44</v>
      </c>
      <c r="B102" s="176"/>
      <c r="C102" s="121" t="s">
        <v>61</v>
      </c>
      <c r="D102" s="53">
        <v>28412</v>
      </c>
      <c r="E102" s="51">
        <v>4588</v>
      </c>
      <c r="F102" s="52">
        <v>16.100000000000001</v>
      </c>
      <c r="G102" s="53">
        <v>28196</v>
      </c>
      <c r="H102" s="51">
        <v>4750</v>
      </c>
      <c r="I102" s="54">
        <v>16.8</v>
      </c>
      <c r="J102" s="50">
        <v>27988</v>
      </c>
      <c r="K102" s="51">
        <v>4884</v>
      </c>
      <c r="L102" s="52">
        <v>17.5</v>
      </c>
      <c r="M102" s="53">
        <v>27715</v>
      </c>
      <c r="N102" s="51">
        <v>5043</v>
      </c>
      <c r="O102" s="54">
        <v>18.2</v>
      </c>
      <c r="P102" s="50">
        <v>27537</v>
      </c>
      <c r="Q102" s="51">
        <v>5168</v>
      </c>
      <c r="R102" s="52">
        <v>18.8</v>
      </c>
      <c r="S102" s="53">
        <v>27399</v>
      </c>
      <c r="T102" s="51">
        <v>5335</v>
      </c>
      <c r="U102" s="58">
        <v>19.5</v>
      </c>
      <c r="V102" s="50">
        <v>27219</v>
      </c>
      <c r="W102" s="51">
        <v>5489</v>
      </c>
      <c r="X102" s="55">
        <v>20.2</v>
      </c>
      <c r="Y102" s="53">
        <v>26980</v>
      </c>
      <c r="Z102" s="51">
        <v>5621</v>
      </c>
      <c r="AA102" s="58">
        <v>20.8</v>
      </c>
      <c r="AB102" s="50">
        <v>26902</v>
      </c>
      <c r="AC102" s="51">
        <v>5788</v>
      </c>
      <c r="AD102" s="55">
        <v>21.5</v>
      </c>
      <c r="AE102" s="53">
        <v>26681</v>
      </c>
      <c r="AF102" s="51">
        <v>5873</v>
      </c>
      <c r="AG102" s="58">
        <v>22</v>
      </c>
      <c r="AH102" s="50">
        <v>26306</v>
      </c>
      <c r="AI102" s="51">
        <v>5993</v>
      </c>
      <c r="AJ102" s="55">
        <v>22.8</v>
      </c>
      <c r="AK102" s="53">
        <v>31212</v>
      </c>
      <c r="AL102" s="51">
        <v>7842</v>
      </c>
      <c r="AM102" s="58">
        <v>25.1</v>
      </c>
      <c r="AN102" s="50">
        <v>30939</v>
      </c>
      <c r="AO102" s="51">
        <v>7974</v>
      </c>
      <c r="AP102" s="55">
        <v>25.8</v>
      </c>
      <c r="AQ102" s="53">
        <v>30920</v>
      </c>
      <c r="AR102" s="51">
        <v>8076</v>
      </c>
      <c r="AS102" s="58">
        <v>26.1</v>
      </c>
      <c r="AT102" s="50">
        <v>30919</v>
      </c>
      <c r="AU102" s="51">
        <v>8197</v>
      </c>
      <c r="AV102" s="55">
        <v>26.5</v>
      </c>
      <c r="AW102" s="53">
        <v>30608</v>
      </c>
      <c r="AX102" s="51">
        <v>8222</v>
      </c>
      <c r="AY102" s="54">
        <v>26.9</v>
      </c>
      <c r="AZ102" s="50">
        <v>30171</v>
      </c>
      <c r="BA102" s="51">
        <v>8188</v>
      </c>
      <c r="BB102" s="55">
        <v>27.1</v>
      </c>
      <c r="BC102" s="53">
        <v>29869</v>
      </c>
      <c r="BD102" s="51">
        <v>8342</v>
      </c>
      <c r="BE102" s="54">
        <v>27.9</v>
      </c>
      <c r="BF102" s="50">
        <v>29515</v>
      </c>
      <c r="BG102" s="51">
        <v>29573</v>
      </c>
      <c r="BH102" s="51">
        <v>8460</v>
      </c>
      <c r="BI102" s="51">
        <v>8461</v>
      </c>
      <c r="BJ102" s="56">
        <v>28.7</v>
      </c>
      <c r="BK102" s="52">
        <v>28.6</v>
      </c>
      <c r="BL102" s="53">
        <v>29478</v>
      </c>
      <c r="BM102" s="51">
        <v>29542</v>
      </c>
      <c r="BN102" s="51">
        <v>8521</v>
      </c>
      <c r="BO102" s="51">
        <v>8523</v>
      </c>
      <c r="BP102" s="57">
        <v>28.9</v>
      </c>
      <c r="BQ102" s="58">
        <v>28.9</v>
      </c>
      <c r="BR102" s="50">
        <v>29031</v>
      </c>
      <c r="BS102" s="51">
        <v>29099</v>
      </c>
      <c r="BT102" s="51">
        <v>8684</v>
      </c>
      <c r="BU102" s="51">
        <v>8686</v>
      </c>
      <c r="BV102" s="57">
        <v>29.9</v>
      </c>
      <c r="BW102" s="52">
        <v>29.8</v>
      </c>
      <c r="BX102" s="53">
        <v>28568</v>
      </c>
      <c r="BY102" s="51">
        <v>28633</v>
      </c>
      <c r="BZ102" s="51">
        <v>8726</v>
      </c>
      <c r="CA102" s="51">
        <v>8730</v>
      </c>
      <c r="CB102" s="57">
        <v>30.5</v>
      </c>
      <c r="CC102" s="54">
        <v>30.5</v>
      </c>
      <c r="CD102" s="93">
        <v>28216</v>
      </c>
      <c r="CE102" s="51">
        <v>28280</v>
      </c>
      <c r="CF102" s="72">
        <v>8773</v>
      </c>
      <c r="CG102" s="51">
        <v>8777</v>
      </c>
      <c r="CH102" s="57">
        <v>31.1</v>
      </c>
      <c r="CI102" s="52">
        <v>31</v>
      </c>
      <c r="CJ102" s="53">
        <v>27841</v>
      </c>
      <c r="CK102" s="51">
        <v>27909</v>
      </c>
      <c r="CL102" s="51">
        <v>8789</v>
      </c>
      <c r="CM102" s="51">
        <v>8792</v>
      </c>
      <c r="CN102" s="57">
        <v>31.6</v>
      </c>
      <c r="CO102" s="54">
        <v>31.5</v>
      </c>
      <c r="CP102" s="50">
        <v>27516</v>
      </c>
      <c r="CQ102" s="51">
        <v>27582</v>
      </c>
      <c r="CR102" s="51">
        <v>8825</v>
      </c>
      <c r="CS102" s="51">
        <v>8828</v>
      </c>
      <c r="CT102" s="57">
        <v>32.1</v>
      </c>
      <c r="CU102" s="61">
        <v>32</v>
      </c>
      <c r="CV102" s="50">
        <v>27202</v>
      </c>
      <c r="CW102" s="51">
        <v>27277</v>
      </c>
      <c r="CX102" s="51">
        <v>8804</v>
      </c>
      <c r="CY102" s="51">
        <v>8807</v>
      </c>
      <c r="CZ102" s="21">
        <f t="shared" si="6"/>
        <v>32.4</v>
      </c>
      <c r="DA102" s="23">
        <f t="shared" si="7"/>
        <v>32.299999999999997</v>
      </c>
      <c r="DB102" s="50">
        <v>26989</v>
      </c>
      <c r="DC102" s="51">
        <v>27059</v>
      </c>
      <c r="DD102" s="51">
        <v>8803</v>
      </c>
      <c r="DE102" s="51">
        <v>8806</v>
      </c>
      <c r="DF102" s="21">
        <v>32.6</v>
      </c>
      <c r="DG102" s="23">
        <v>32.5</v>
      </c>
      <c r="DH102" s="50">
        <v>26586</v>
      </c>
      <c r="DI102" s="51">
        <v>26663</v>
      </c>
      <c r="DJ102" s="51">
        <v>8764</v>
      </c>
      <c r="DK102" s="51">
        <v>8768</v>
      </c>
      <c r="DL102" s="57">
        <f t="shared" si="8"/>
        <v>32.964718272775144</v>
      </c>
      <c r="DM102" s="23">
        <f t="shared" si="9"/>
        <v>32.884521621722989</v>
      </c>
      <c r="DN102" s="50">
        <v>25940</v>
      </c>
      <c r="DO102" s="51">
        <v>26020</v>
      </c>
      <c r="DP102" s="51">
        <v>8636</v>
      </c>
      <c r="DQ102" s="51">
        <v>8638</v>
      </c>
      <c r="DR102" s="57">
        <f t="shared" si="10"/>
        <v>33.292212798766386</v>
      </c>
      <c r="DS102" s="23">
        <f t="shared" si="11"/>
        <v>33.197540353574176</v>
      </c>
    </row>
    <row r="103" spans="1:123" x14ac:dyDescent="0.2">
      <c r="A103" s="175"/>
      <c r="B103" s="176"/>
      <c r="C103" s="123" t="s">
        <v>62</v>
      </c>
      <c r="D103" s="27">
        <v>13883</v>
      </c>
      <c r="E103" s="25">
        <v>1957</v>
      </c>
      <c r="F103" s="26">
        <v>14.1</v>
      </c>
      <c r="G103" s="27">
        <v>13725</v>
      </c>
      <c r="H103" s="25">
        <v>2035</v>
      </c>
      <c r="I103" s="28">
        <v>14.8</v>
      </c>
      <c r="J103" s="24">
        <v>13642</v>
      </c>
      <c r="K103" s="25">
        <v>2101</v>
      </c>
      <c r="L103" s="26">
        <v>15.4</v>
      </c>
      <c r="M103" s="27">
        <v>13515</v>
      </c>
      <c r="N103" s="25">
        <v>2188</v>
      </c>
      <c r="O103" s="28">
        <v>16.2</v>
      </c>
      <c r="P103" s="24">
        <v>13410</v>
      </c>
      <c r="Q103" s="25">
        <v>2236</v>
      </c>
      <c r="R103" s="26">
        <v>16.7</v>
      </c>
      <c r="S103" s="27">
        <v>13318</v>
      </c>
      <c r="T103" s="25">
        <v>2301</v>
      </c>
      <c r="U103" s="62">
        <v>17.3</v>
      </c>
      <c r="V103" s="24">
        <v>13258</v>
      </c>
      <c r="W103" s="25">
        <v>2371</v>
      </c>
      <c r="X103" s="63">
        <v>17.899999999999999</v>
      </c>
      <c r="Y103" s="27">
        <v>13171</v>
      </c>
      <c r="Z103" s="25">
        <v>2446</v>
      </c>
      <c r="AA103" s="62">
        <v>18.600000000000001</v>
      </c>
      <c r="AB103" s="24">
        <v>13166</v>
      </c>
      <c r="AC103" s="25">
        <v>2515</v>
      </c>
      <c r="AD103" s="63">
        <v>19.100000000000001</v>
      </c>
      <c r="AE103" s="27">
        <v>13078</v>
      </c>
      <c r="AF103" s="25">
        <v>2533</v>
      </c>
      <c r="AG103" s="62">
        <v>19.399999999999999</v>
      </c>
      <c r="AH103" s="24">
        <v>12846</v>
      </c>
      <c r="AI103" s="25">
        <v>2551</v>
      </c>
      <c r="AJ103" s="63">
        <v>19.899999999999999</v>
      </c>
      <c r="AK103" s="27">
        <v>15113</v>
      </c>
      <c r="AL103" s="25">
        <v>3295</v>
      </c>
      <c r="AM103" s="62">
        <v>21.8</v>
      </c>
      <c r="AN103" s="24">
        <v>14983</v>
      </c>
      <c r="AO103" s="25">
        <v>3323</v>
      </c>
      <c r="AP103" s="63">
        <v>22.2</v>
      </c>
      <c r="AQ103" s="27">
        <v>14940</v>
      </c>
      <c r="AR103" s="25">
        <v>3371</v>
      </c>
      <c r="AS103" s="62">
        <v>22.6</v>
      </c>
      <c r="AT103" s="24">
        <v>14957</v>
      </c>
      <c r="AU103" s="25">
        <v>3443</v>
      </c>
      <c r="AV103" s="63">
        <v>23</v>
      </c>
      <c r="AW103" s="27">
        <v>14834</v>
      </c>
      <c r="AX103" s="25">
        <v>3450</v>
      </c>
      <c r="AY103" s="28">
        <v>23.3</v>
      </c>
      <c r="AZ103" s="24">
        <v>14609</v>
      </c>
      <c r="BA103" s="25">
        <v>3448</v>
      </c>
      <c r="BB103" s="63">
        <v>23.6</v>
      </c>
      <c r="BC103" s="27">
        <v>14469</v>
      </c>
      <c r="BD103" s="25">
        <v>3516</v>
      </c>
      <c r="BE103" s="28">
        <v>24.3</v>
      </c>
      <c r="BF103" s="24">
        <v>14274</v>
      </c>
      <c r="BG103" s="25">
        <v>14306</v>
      </c>
      <c r="BH103" s="25">
        <v>3554</v>
      </c>
      <c r="BI103" s="25">
        <v>3554</v>
      </c>
      <c r="BJ103" s="64">
        <v>24.9</v>
      </c>
      <c r="BK103" s="26">
        <v>24.8</v>
      </c>
      <c r="BL103" s="27">
        <v>14314</v>
      </c>
      <c r="BM103" s="25">
        <v>14349</v>
      </c>
      <c r="BN103" s="25">
        <v>3599</v>
      </c>
      <c r="BO103" s="25">
        <v>3600</v>
      </c>
      <c r="BP103" s="34">
        <v>25.1</v>
      </c>
      <c r="BQ103" s="62">
        <v>25.1</v>
      </c>
      <c r="BR103" s="24">
        <v>14133</v>
      </c>
      <c r="BS103" s="25">
        <v>14171</v>
      </c>
      <c r="BT103" s="25">
        <v>3654</v>
      </c>
      <c r="BU103" s="25">
        <v>3655</v>
      </c>
      <c r="BV103" s="34">
        <v>25.9</v>
      </c>
      <c r="BW103" s="26">
        <v>25.8</v>
      </c>
      <c r="BX103" s="27">
        <v>13932</v>
      </c>
      <c r="BY103" s="25">
        <v>13966</v>
      </c>
      <c r="BZ103" s="25">
        <v>3676</v>
      </c>
      <c r="CA103" s="25">
        <v>3678</v>
      </c>
      <c r="CB103" s="34">
        <v>26.4</v>
      </c>
      <c r="CC103" s="28">
        <v>26.3</v>
      </c>
      <c r="CD103" s="94">
        <v>13800</v>
      </c>
      <c r="CE103" s="25">
        <v>13835</v>
      </c>
      <c r="CF103" s="73">
        <v>3685</v>
      </c>
      <c r="CG103" s="25">
        <v>3687</v>
      </c>
      <c r="CH103" s="34">
        <v>26.7</v>
      </c>
      <c r="CI103" s="26">
        <v>26.6</v>
      </c>
      <c r="CJ103" s="27">
        <v>13590</v>
      </c>
      <c r="CK103" s="25">
        <v>13625</v>
      </c>
      <c r="CL103" s="25">
        <v>3690</v>
      </c>
      <c r="CM103" s="25">
        <v>3691</v>
      </c>
      <c r="CN103" s="34">
        <v>27.2</v>
      </c>
      <c r="CO103" s="28">
        <v>27.1</v>
      </c>
      <c r="CP103" s="24">
        <v>13420</v>
      </c>
      <c r="CQ103" s="25">
        <v>13454</v>
      </c>
      <c r="CR103" s="25">
        <v>3715</v>
      </c>
      <c r="CS103" s="25">
        <v>3716</v>
      </c>
      <c r="CT103" s="34">
        <v>27.7</v>
      </c>
      <c r="CU103" s="36">
        <v>27.6</v>
      </c>
      <c r="CV103" s="24">
        <v>13250</v>
      </c>
      <c r="CW103" s="25">
        <v>13292</v>
      </c>
      <c r="CX103" s="25">
        <v>3685</v>
      </c>
      <c r="CY103" s="25">
        <v>3686</v>
      </c>
      <c r="CZ103" s="34">
        <f t="shared" si="6"/>
        <v>27.8</v>
      </c>
      <c r="DA103" s="36">
        <f t="shared" si="7"/>
        <v>27.7</v>
      </c>
      <c r="DB103" s="24">
        <v>13147</v>
      </c>
      <c r="DC103" s="25">
        <v>13189</v>
      </c>
      <c r="DD103" s="25">
        <v>3680</v>
      </c>
      <c r="DE103" s="25">
        <v>3681</v>
      </c>
      <c r="DF103" s="34">
        <v>28</v>
      </c>
      <c r="DG103" s="36">
        <v>27.9</v>
      </c>
      <c r="DH103" s="24">
        <v>13000</v>
      </c>
      <c r="DI103" s="25">
        <v>13048</v>
      </c>
      <c r="DJ103" s="25">
        <v>3669</v>
      </c>
      <c r="DK103" s="25">
        <v>3671</v>
      </c>
      <c r="DL103" s="34">
        <f t="shared" si="8"/>
        <v>28.223076923076924</v>
      </c>
      <c r="DM103" s="36">
        <f t="shared" si="9"/>
        <v>28.134580012262418</v>
      </c>
      <c r="DN103" s="24">
        <v>12605</v>
      </c>
      <c r="DO103" s="25">
        <v>12648</v>
      </c>
      <c r="DP103" s="25">
        <v>3608</v>
      </c>
      <c r="DQ103" s="25">
        <v>3609</v>
      </c>
      <c r="DR103" s="34">
        <f t="shared" si="10"/>
        <v>28.62356207854026</v>
      </c>
      <c r="DS103" s="36">
        <f t="shared" si="11"/>
        <v>28.534155597722961</v>
      </c>
    </row>
    <row r="104" spans="1:123" x14ac:dyDescent="0.2">
      <c r="A104" s="175"/>
      <c r="B104" s="176"/>
      <c r="C104" s="122" t="s">
        <v>63</v>
      </c>
      <c r="D104" s="40">
        <v>14529</v>
      </c>
      <c r="E104" s="38">
        <v>2631</v>
      </c>
      <c r="F104" s="39">
        <v>18.100000000000001</v>
      </c>
      <c r="G104" s="40">
        <v>14471</v>
      </c>
      <c r="H104" s="38">
        <v>2715</v>
      </c>
      <c r="I104" s="41">
        <v>18.8</v>
      </c>
      <c r="J104" s="37">
        <v>14346</v>
      </c>
      <c r="K104" s="38">
        <v>2783</v>
      </c>
      <c r="L104" s="39">
        <v>19.399999999999999</v>
      </c>
      <c r="M104" s="40">
        <v>14200</v>
      </c>
      <c r="N104" s="38">
        <v>2855</v>
      </c>
      <c r="O104" s="41">
        <v>20.100000000000001</v>
      </c>
      <c r="P104" s="37">
        <v>14127</v>
      </c>
      <c r="Q104" s="38">
        <v>2932</v>
      </c>
      <c r="R104" s="39">
        <v>20.8</v>
      </c>
      <c r="S104" s="40">
        <v>14081</v>
      </c>
      <c r="T104" s="38">
        <v>3034</v>
      </c>
      <c r="U104" s="67">
        <v>21.5</v>
      </c>
      <c r="V104" s="37">
        <v>13961</v>
      </c>
      <c r="W104" s="38">
        <v>3118</v>
      </c>
      <c r="X104" s="68">
        <v>22.3</v>
      </c>
      <c r="Y104" s="40">
        <v>13809</v>
      </c>
      <c r="Z104" s="38">
        <v>3175</v>
      </c>
      <c r="AA104" s="67">
        <v>23</v>
      </c>
      <c r="AB104" s="37">
        <v>13736</v>
      </c>
      <c r="AC104" s="38">
        <v>3273</v>
      </c>
      <c r="AD104" s="68">
        <v>23.8</v>
      </c>
      <c r="AE104" s="40">
        <v>13603</v>
      </c>
      <c r="AF104" s="38">
        <v>3340</v>
      </c>
      <c r="AG104" s="67">
        <v>24.6</v>
      </c>
      <c r="AH104" s="37">
        <v>13460</v>
      </c>
      <c r="AI104" s="38">
        <v>3442</v>
      </c>
      <c r="AJ104" s="68">
        <v>25.6</v>
      </c>
      <c r="AK104" s="40">
        <v>16099</v>
      </c>
      <c r="AL104" s="38">
        <v>4547</v>
      </c>
      <c r="AM104" s="67">
        <v>28.2</v>
      </c>
      <c r="AN104" s="37">
        <v>15956</v>
      </c>
      <c r="AO104" s="38">
        <v>4651</v>
      </c>
      <c r="AP104" s="68">
        <v>29.1</v>
      </c>
      <c r="AQ104" s="40">
        <v>15980</v>
      </c>
      <c r="AR104" s="38">
        <v>4705</v>
      </c>
      <c r="AS104" s="67">
        <v>29.4</v>
      </c>
      <c r="AT104" s="37">
        <v>15962</v>
      </c>
      <c r="AU104" s="38">
        <v>4754</v>
      </c>
      <c r="AV104" s="68">
        <v>29.8</v>
      </c>
      <c r="AW104" s="40">
        <v>15774</v>
      </c>
      <c r="AX104" s="38">
        <v>4772</v>
      </c>
      <c r="AY104" s="41">
        <v>30.3</v>
      </c>
      <c r="AZ104" s="37">
        <v>15562</v>
      </c>
      <c r="BA104" s="38">
        <v>4740</v>
      </c>
      <c r="BB104" s="68">
        <v>30.5</v>
      </c>
      <c r="BC104" s="40">
        <v>15400</v>
      </c>
      <c r="BD104" s="38">
        <v>4826</v>
      </c>
      <c r="BE104" s="41">
        <v>31.3</v>
      </c>
      <c r="BF104" s="37">
        <v>15241</v>
      </c>
      <c r="BG104" s="38">
        <v>15267</v>
      </c>
      <c r="BH104" s="38">
        <v>4906</v>
      </c>
      <c r="BI104" s="38">
        <v>4907</v>
      </c>
      <c r="BJ104" s="69">
        <v>32.200000000000003</v>
      </c>
      <c r="BK104" s="39">
        <v>32.1</v>
      </c>
      <c r="BL104" s="40">
        <v>15164</v>
      </c>
      <c r="BM104" s="38">
        <v>15193</v>
      </c>
      <c r="BN104" s="38">
        <v>4922</v>
      </c>
      <c r="BO104" s="38">
        <v>4923</v>
      </c>
      <c r="BP104" s="47">
        <v>32.5</v>
      </c>
      <c r="BQ104" s="67">
        <v>32.4</v>
      </c>
      <c r="BR104" s="37">
        <v>14898</v>
      </c>
      <c r="BS104" s="38">
        <v>14928</v>
      </c>
      <c r="BT104" s="38">
        <v>5030</v>
      </c>
      <c r="BU104" s="38">
        <v>5031</v>
      </c>
      <c r="BV104" s="47">
        <v>33.799999999999997</v>
      </c>
      <c r="BW104" s="39">
        <v>33.700000000000003</v>
      </c>
      <c r="BX104" s="40">
        <v>14636</v>
      </c>
      <c r="BY104" s="38">
        <v>14667</v>
      </c>
      <c r="BZ104" s="38">
        <v>5050</v>
      </c>
      <c r="CA104" s="38">
        <v>5052</v>
      </c>
      <c r="CB104" s="47">
        <v>34.5</v>
      </c>
      <c r="CC104" s="41">
        <v>34.4</v>
      </c>
      <c r="CD104" s="95">
        <v>14416</v>
      </c>
      <c r="CE104" s="38">
        <v>14445</v>
      </c>
      <c r="CF104" s="74">
        <v>5088</v>
      </c>
      <c r="CG104" s="38">
        <v>5090</v>
      </c>
      <c r="CH104" s="47">
        <v>35.299999999999997</v>
      </c>
      <c r="CI104" s="39">
        <v>35.200000000000003</v>
      </c>
      <c r="CJ104" s="40">
        <v>14251</v>
      </c>
      <c r="CK104" s="38">
        <v>14284</v>
      </c>
      <c r="CL104" s="38">
        <v>5099</v>
      </c>
      <c r="CM104" s="38">
        <v>5101</v>
      </c>
      <c r="CN104" s="47">
        <v>35.799999999999997</v>
      </c>
      <c r="CO104" s="41">
        <v>35.700000000000003</v>
      </c>
      <c r="CP104" s="37">
        <v>14096</v>
      </c>
      <c r="CQ104" s="38">
        <v>14128</v>
      </c>
      <c r="CR104" s="38">
        <v>5110</v>
      </c>
      <c r="CS104" s="38">
        <v>5112</v>
      </c>
      <c r="CT104" s="47">
        <v>36.299999999999997</v>
      </c>
      <c r="CU104" s="49">
        <v>36.200000000000003</v>
      </c>
      <c r="CV104" s="37">
        <v>13952</v>
      </c>
      <c r="CW104" s="38">
        <v>13985</v>
      </c>
      <c r="CX104" s="38">
        <v>5119</v>
      </c>
      <c r="CY104" s="38">
        <v>5121</v>
      </c>
      <c r="CZ104" s="47">
        <f t="shared" si="6"/>
        <v>36.700000000000003</v>
      </c>
      <c r="DA104" s="49">
        <f t="shared" si="7"/>
        <v>36.6</v>
      </c>
      <c r="DB104" s="37">
        <v>13842</v>
      </c>
      <c r="DC104" s="38">
        <v>13870</v>
      </c>
      <c r="DD104" s="38">
        <v>5123</v>
      </c>
      <c r="DE104" s="38">
        <v>5125</v>
      </c>
      <c r="DF104" s="47">
        <v>37</v>
      </c>
      <c r="DG104" s="49">
        <v>37</v>
      </c>
      <c r="DH104" s="37">
        <v>13586</v>
      </c>
      <c r="DI104" s="38">
        <v>13615</v>
      </c>
      <c r="DJ104" s="38">
        <v>5095</v>
      </c>
      <c r="DK104" s="38">
        <v>5097</v>
      </c>
      <c r="DL104" s="47">
        <f t="shared" si="8"/>
        <v>37.501840129545123</v>
      </c>
      <c r="DM104" s="23">
        <f t="shared" si="9"/>
        <v>37.43665075284612</v>
      </c>
      <c r="DN104" s="37">
        <v>13335</v>
      </c>
      <c r="DO104" s="38">
        <v>13372</v>
      </c>
      <c r="DP104" s="38">
        <v>5028</v>
      </c>
      <c r="DQ104" s="38">
        <v>5029</v>
      </c>
      <c r="DR104" s="47">
        <f t="shared" si="10"/>
        <v>37.70528683914511</v>
      </c>
      <c r="DS104" s="23">
        <f t="shared" si="11"/>
        <v>37.608435536942864</v>
      </c>
    </row>
    <row r="105" spans="1:123" x14ac:dyDescent="0.2">
      <c r="A105" s="175" t="s">
        <v>45</v>
      </c>
      <c r="B105" s="176"/>
      <c r="C105" s="121" t="s">
        <v>61</v>
      </c>
      <c r="D105" s="53">
        <v>15554</v>
      </c>
      <c r="E105" s="51">
        <v>4122</v>
      </c>
      <c r="F105" s="52">
        <v>26.5</v>
      </c>
      <c r="G105" s="53">
        <v>15176</v>
      </c>
      <c r="H105" s="51">
        <v>4237</v>
      </c>
      <c r="I105" s="54">
        <v>27.9</v>
      </c>
      <c r="J105" s="50">
        <v>14885</v>
      </c>
      <c r="K105" s="51">
        <v>4316</v>
      </c>
      <c r="L105" s="52">
        <v>29</v>
      </c>
      <c r="M105" s="53">
        <v>14627</v>
      </c>
      <c r="N105" s="51">
        <v>4447</v>
      </c>
      <c r="O105" s="54">
        <v>30.4</v>
      </c>
      <c r="P105" s="50">
        <v>14323</v>
      </c>
      <c r="Q105" s="51">
        <v>4504</v>
      </c>
      <c r="R105" s="52">
        <v>31.4</v>
      </c>
      <c r="S105" s="53">
        <v>13980</v>
      </c>
      <c r="T105" s="51">
        <v>4575</v>
      </c>
      <c r="U105" s="58">
        <v>32.700000000000003</v>
      </c>
      <c r="V105" s="50">
        <v>13609</v>
      </c>
      <c r="W105" s="51">
        <v>4648</v>
      </c>
      <c r="X105" s="55">
        <v>34.200000000000003</v>
      </c>
      <c r="Y105" s="53">
        <v>13261</v>
      </c>
      <c r="Z105" s="51">
        <v>4643</v>
      </c>
      <c r="AA105" s="58">
        <v>35</v>
      </c>
      <c r="AB105" s="50">
        <v>12954</v>
      </c>
      <c r="AC105" s="51">
        <v>4647</v>
      </c>
      <c r="AD105" s="55">
        <v>35.9</v>
      </c>
      <c r="AE105" s="53">
        <v>12600</v>
      </c>
      <c r="AF105" s="51">
        <v>4634</v>
      </c>
      <c r="AG105" s="58">
        <v>36.799999999999997</v>
      </c>
      <c r="AH105" s="50">
        <v>12285</v>
      </c>
      <c r="AI105" s="51">
        <v>4598</v>
      </c>
      <c r="AJ105" s="55">
        <v>37.4</v>
      </c>
      <c r="AK105" s="53">
        <v>12020</v>
      </c>
      <c r="AL105" s="51">
        <v>4585</v>
      </c>
      <c r="AM105" s="58">
        <v>38.1</v>
      </c>
      <c r="AN105" s="50">
        <v>11690</v>
      </c>
      <c r="AO105" s="51">
        <v>4628</v>
      </c>
      <c r="AP105" s="55">
        <v>39.6</v>
      </c>
      <c r="AQ105" s="53">
        <v>11343</v>
      </c>
      <c r="AR105" s="51">
        <v>4618</v>
      </c>
      <c r="AS105" s="58">
        <v>40.700000000000003</v>
      </c>
      <c r="AT105" s="50">
        <v>11015</v>
      </c>
      <c r="AU105" s="51">
        <v>4603</v>
      </c>
      <c r="AV105" s="55">
        <v>41.8</v>
      </c>
      <c r="AW105" s="53">
        <v>10673</v>
      </c>
      <c r="AX105" s="51">
        <v>4515</v>
      </c>
      <c r="AY105" s="54">
        <v>42.3</v>
      </c>
      <c r="AZ105" s="50">
        <v>10355</v>
      </c>
      <c r="BA105" s="51">
        <v>4387</v>
      </c>
      <c r="BB105" s="55">
        <v>42.4</v>
      </c>
      <c r="BC105" s="53">
        <v>10070</v>
      </c>
      <c r="BD105" s="51">
        <v>4327</v>
      </c>
      <c r="BE105" s="54">
        <v>43</v>
      </c>
      <c r="BF105" s="50">
        <v>9841</v>
      </c>
      <c r="BG105" s="51">
        <v>9854</v>
      </c>
      <c r="BH105" s="51">
        <v>4311</v>
      </c>
      <c r="BI105" s="51">
        <v>4311</v>
      </c>
      <c r="BJ105" s="56">
        <v>43.8</v>
      </c>
      <c r="BK105" s="52">
        <v>43.7</v>
      </c>
      <c r="BL105" s="53">
        <v>9687</v>
      </c>
      <c r="BM105" s="51">
        <v>9699</v>
      </c>
      <c r="BN105" s="51">
        <v>4259</v>
      </c>
      <c r="BO105" s="51">
        <v>4259</v>
      </c>
      <c r="BP105" s="57">
        <v>44</v>
      </c>
      <c r="BQ105" s="58">
        <v>43.9</v>
      </c>
      <c r="BR105" s="50">
        <v>9505</v>
      </c>
      <c r="BS105" s="51">
        <v>9519</v>
      </c>
      <c r="BT105" s="51">
        <v>4267</v>
      </c>
      <c r="BU105" s="51">
        <v>4267</v>
      </c>
      <c r="BV105" s="57">
        <v>44.9</v>
      </c>
      <c r="BW105" s="52">
        <v>44.8</v>
      </c>
      <c r="BX105" s="59">
        <v>9229</v>
      </c>
      <c r="BY105" s="51">
        <v>9246</v>
      </c>
      <c r="BZ105" s="72">
        <v>4179</v>
      </c>
      <c r="CA105" s="51">
        <v>4179</v>
      </c>
      <c r="CB105" s="57">
        <v>45.3</v>
      </c>
      <c r="CC105" s="54">
        <v>45.2</v>
      </c>
      <c r="CD105" s="93">
        <v>8983</v>
      </c>
      <c r="CE105" s="51">
        <v>9001</v>
      </c>
      <c r="CF105" s="72">
        <v>4127</v>
      </c>
      <c r="CG105" s="51">
        <v>4127</v>
      </c>
      <c r="CH105" s="57">
        <v>45.9</v>
      </c>
      <c r="CI105" s="52">
        <v>45.9</v>
      </c>
      <c r="CJ105" s="53">
        <v>8765</v>
      </c>
      <c r="CK105" s="51">
        <v>8784</v>
      </c>
      <c r="CL105" s="51">
        <v>4042</v>
      </c>
      <c r="CM105" s="51">
        <v>4042</v>
      </c>
      <c r="CN105" s="57">
        <v>46.1</v>
      </c>
      <c r="CO105" s="54">
        <v>46</v>
      </c>
      <c r="CP105" s="50">
        <v>8541</v>
      </c>
      <c r="CQ105" s="51">
        <v>8562</v>
      </c>
      <c r="CR105" s="51">
        <v>3959</v>
      </c>
      <c r="CS105" s="51">
        <v>3959</v>
      </c>
      <c r="CT105" s="57">
        <v>46.4</v>
      </c>
      <c r="CU105" s="61">
        <v>46.2</v>
      </c>
      <c r="CV105" s="50">
        <v>8286</v>
      </c>
      <c r="CW105" s="51">
        <v>8302</v>
      </c>
      <c r="CX105" s="51">
        <v>3874</v>
      </c>
      <c r="CY105" s="51">
        <v>3874</v>
      </c>
      <c r="CZ105" s="21">
        <f t="shared" si="6"/>
        <v>46.8</v>
      </c>
      <c r="DA105" s="23">
        <f t="shared" si="7"/>
        <v>46.7</v>
      </c>
      <c r="DB105" s="50">
        <v>8133</v>
      </c>
      <c r="DC105" s="51">
        <v>8148</v>
      </c>
      <c r="DD105" s="51">
        <v>3802</v>
      </c>
      <c r="DE105" s="51">
        <v>3802</v>
      </c>
      <c r="DF105" s="21">
        <v>46.7</v>
      </c>
      <c r="DG105" s="23">
        <v>46.7</v>
      </c>
      <c r="DH105" s="50">
        <v>7911</v>
      </c>
      <c r="DI105" s="51">
        <v>7930</v>
      </c>
      <c r="DJ105" s="51">
        <v>3708</v>
      </c>
      <c r="DK105" s="51">
        <v>3708</v>
      </c>
      <c r="DL105" s="21">
        <f t="shared" si="8"/>
        <v>46.871444823663253</v>
      </c>
      <c r="DM105" s="61">
        <f t="shared" si="9"/>
        <v>46.759142496847417</v>
      </c>
      <c r="DN105" s="50">
        <v>7694</v>
      </c>
      <c r="DO105" s="51">
        <v>7722</v>
      </c>
      <c r="DP105" s="51">
        <v>3594</v>
      </c>
      <c r="DQ105" s="51">
        <v>3594</v>
      </c>
      <c r="DR105" s="21">
        <f t="shared" si="10"/>
        <v>46.711723420847413</v>
      </c>
      <c r="DS105" s="61">
        <f t="shared" si="11"/>
        <v>46.542346542346543</v>
      </c>
    </row>
    <row r="106" spans="1:123" x14ac:dyDescent="0.2">
      <c r="A106" s="175"/>
      <c r="B106" s="176"/>
      <c r="C106" s="123" t="s">
        <v>62</v>
      </c>
      <c r="D106" s="27">
        <v>7249</v>
      </c>
      <c r="E106" s="25">
        <v>1707</v>
      </c>
      <c r="F106" s="26">
        <v>23.5</v>
      </c>
      <c r="G106" s="27">
        <v>7057</v>
      </c>
      <c r="H106" s="25">
        <v>1763</v>
      </c>
      <c r="I106" s="28">
        <v>25</v>
      </c>
      <c r="J106" s="24">
        <v>6912</v>
      </c>
      <c r="K106" s="25">
        <v>1787</v>
      </c>
      <c r="L106" s="26">
        <v>25.9</v>
      </c>
      <c r="M106" s="27">
        <v>6788</v>
      </c>
      <c r="N106" s="25">
        <v>1838</v>
      </c>
      <c r="O106" s="28">
        <v>27.1</v>
      </c>
      <c r="P106" s="24">
        <v>6616</v>
      </c>
      <c r="Q106" s="25">
        <v>1849</v>
      </c>
      <c r="R106" s="26">
        <v>27.9</v>
      </c>
      <c r="S106" s="27">
        <v>6456</v>
      </c>
      <c r="T106" s="25">
        <v>1892</v>
      </c>
      <c r="U106" s="62">
        <v>29.3</v>
      </c>
      <c r="V106" s="24">
        <v>6274</v>
      </c>
      <c r="W106" s="25">
        <v>1918</v>
      </c>
      <c r="X106" s="63">
        <v>30.6</v>
      </c>
      <c r="Y106" s="27">
        <v>6092</v>
      </c>
      <c r="Z106" s="25">
        <v>1923</v>
      </c>
      <c r="AA106" s="62">
        <v>31.6</v>
      </c>
      <c r="AB106" s="24">
        <v>5958</v>
      </c>
      <c r="AC106" s="25">
        <v>1903</v>
      </c>
      <c r="AD106" s="63">
        <v>31.9</v>
      </c>
      <c r="AE106" s="27">
        <v>5780</v>
      </c>
      <c r="AF106" s="25">
        <v>1893</v>
      </c>
      <c r="AG106" s="62">
        <v>32.799999999999997</v>
      </c>
      <c r="AH106" s="24">
        <v>5601</v>
      </c>
      <c r="AI106" s="25">
        <v>1850</v>
      </c>
      <c r="AJ106" s="63">
        <v>33</v>
      </c>
      <c r="AK106" s="27">
        <v>5458</v>
      </c>
      <c r="AL106" s="25">
        <v>1837</v>
      </c>
      <c r="AM106" s="62">
        <v>33.700000000000003</v>
      </c>
      <c r="AN106" s="24">
        <v>5323</v>
      </c>
      <c r="AO106" s="25">
        <v>1839</v>
      </c>
      <c r="AP106" s="63">
        <v>34.5</v>
      </c>
      <c r="AQ106" s="27">
        <v>5155</v>
      </c>
      <c r="AR106" s="25">
        <v>1821</v>
      </c>
      <c r="AS106" s="62">
        <v>35.299999999999997</v>
      </c>
      <c r="AT106" s="24">
        <v>5001</v>
      </c>
      <c r="AU106" s="25">
        <v>1829</v>
      </c>
      <c r="AV106" s="63">
        <v>36.6</v>
      </c>
      <c r="AW106" s="27">
        <v>4839</v>
      </c>
      <c r="AX106" s="25">
        <v>1801</v>
      </c>
      <c r="AY106" s="28">
        <v>37.200000000000003</v>
      </c>
      <c r="AZ106" s="24">
        <v>4673</v>
      </c>
      <c r="BA106" s="25">
        <v>1731</v>
      </c>
      <c r="BB106" s="63">
        <v>37</v>
      </c>
      <c r="BC106" s="27">
        <v>4549</v>
      </c>
      <c r="BD106" s="25">
        <v>1691</v>
      </c>
      <c r="BE106" s="28">
        <v>37.200000000000003</v>
      </c>
      <c r="BF106" s="24">
        <v>4419</v>
      </c>
      <c r="BG106" s="25">
        <v>4426</v>
      </c>
      <c r="BH106" s="25">
        <v>1676</v>
      </c>
      <c r="BI106" s="25">
        <v>1676</v>
      </c>
      <c r="BJ106" s="64">
        <v>37.9</v>
      </c>
      <c r="BK106" s="26">
        <v>37.9</v>
      </c>
      <c r="BL106" s="27">
        <v>4363</v>
      </c>
      <c r="BM106" s="25">
        <v>4369</v>
      </c>
      <c r="BN106" s="25">
        <v>1656</v>
      </c>
      <c r="BO106" s="25">
        <v>1656</v>
      </c>
      <c r="BP106" s="34">
        <v>38</v>
      </c>
      <c r="BQ106" s="62">
        <v>37.9</v>
      </c>
      <c r="BR106" s="24">
        <v>4290</v>
      </c>
      <c r="BS106" s="25">
        <v>4298</v>
      </c>
      <c r="BT106" s="25">
        <v>1668</v>
      </c>
      <c r="BU106" s="25">
        <v>1668</v>
      </c>
      <c r="BV106" s="34">
        <v>38.9</v>
      </c>
      <c r="BW106" s="26">
        <v>38.799999999999997</v>
      </c>
      <c r="BX106" s="65">
        <v>4164</v>
      </c>
      <c r="BY106" s="25">
        <v>4176</v>
      </c>
      <c r="BZ106" s="73">
        <v>1617</v>
      </c>
      <c r="CA106" s="25">
        <v>1617</v>
      </c>
      <c r="CB106" s="34">
        <v>38.799999999999997</v>
      </c>
      <c r="CC106" s="28">
        <v>38.700000000000003</v>
      </c>
      <c r="CD106" s="94">
        <v>4065</v>
      </c>
      <c r="CE106" s="25">
        <v>4077</v>
      </c>
      <c r="CF106" s="73">
        <v>1605</v>
      </c>
      <c r="CG106" s="25">
        <v>1605</v>
      </c>
      <c r="CH106" s="34">
        <v>39.5</v>
      </c>
      <c r="CI106" s="26">
        <v>39.4</v>
      </c>
      <c r="CJ106" s="27">
        <v>3962</v>
      </c>
      <c r="CK106" s="25">
        <v>3976</v>
      </c>
      <c r="CL106" s="25">
        <v>1575</v>
      </c>
      <c r="CM106" s="25">
        <v>1575</v>
      </c>
      <c r="CN106" s="34">
        <v>39.799999999999997</v>
      </c>
      <c r="CO106" s="28">
        <v>39.6</v>
      </c>
      <c r="CP106" s="24">
        <v>3858</v>
      </c>
      <c r="CQ106" s="25">
        <v>3872</v>
      </c>
      <c r="CR106" s="25">
        <v>1535</v>
      </c>
      <c r="CS106" s="25">
        <v>1535</v>
      </c>
      <c r="CT106" s="34">
        <v>39.799999999999997</v>
      </c>
      <c r="CU106" s="36">
        <v>39.6</v>
      </c>
      <c r="CV106" s="24">
        <v>3750</v>
      </c>
      <c r="CW106" s="25">
        <v>3758</v>
      </c>
      <c r="CX106" s="25">
        <v>1507</v>
      </c>
      <c r="CY106" s="25">
        <v>1507</v>
      </c>
      <c r="CZ106" s="34">
        <f t="shared" si="6"/>
        <v>40.200000000000003</v>
      </c>
      <c r="DA106" s="36">
        <f t="shared" si="7"/>
        <v>40.1</v>
      </c>
      <c r="DB106" s="24">
        <v>3703</v>
      </c>
      <c r="DC106" s="25">
        <v>3711</v>
      </c>
      <c r="DD106" s="25">
        <v>1484</v>
      </c>
      <c r="DE106" s="25">
        <v>1484</v>
      </c>
      <c r="DF106" s="34">
        <v>40.1</v>
      </c>
      <c r="DG106" s="36">
        <v>40</v>
      </c>
      <c r="DH106" s="24">
        <v>3618</v>
      </c>
      <c r="DI106" s="25">
        <v>3629</v>
      </c>
      <c r="DJ106" s="25">
        <v>1458</v>
      </c>
      <c r="DK106" s="25">
        <v>1458</v>
      </c>
      <c r="DL106" s="34">
        <f t="shared" si="8"/>
        <v>40.298507462686565</v>
      </c>
      <c r="DM106" s="36">
        <f t="shared" si="9"/>
        <v>40.176357123174427</v>
      </c>
      <c r="DN106" s="24">
        <v>3520</v>
      </c>
      <c r="DO106" s="25">
        <v>3541</v>
      </c>
      <c r="DP106" s="25">
        <v>1415</v>
      </c>
      <c r="DQ106" s="25">
        <v>1415</v>
      </c>
      <c r="DR106" s="34">
        <f t="shared" si="10"/>
        <v>40.198863636363633</v>
      </c>
      <c r="DS106" s="36">
        <f t="shared" si="11"/>
        <v>39.960463146003953</v>
      </c>
    </row>
    <row r="107" spans="1:123" x14ac:dyDescent="0.2">
      <c r="A107" s="175"/>
      <c r="B107" s="176"/>
      <c r="C107" s="122" t="s">
        <v>63</v>
      </c>
      <c r="D107" s="40">
        <v>8305</v>
      </c>
      <c r="E107" s="38">
        <v>2415</v>
      </c>
      <c r="F107" s="39">
        <v>29.1</v>
      </c>
      <c r="G107" s="40">
        <v>8119</v>
      </c>
      <c r="H107" s="38">
        <v>2474</v>
      </c>
      <c r="I107" s="41">
        <v>30.5</v>
      </c>
      <c r="J107" s="37">
        <v>7973</v>
      </c>
      <c r="K107" s="38">
        <v>2529</v>
      </c>
      <c r="L107" s="39">
        <v>31.7</v>
      </c>
      <c r="M107" s="40">
        <v>7839</v>
      </c>
      <c r="N107" s="38">
        <v>2609</v>
      </c>
      <c r="O107" s="41">
        <v>33.299999999999997</v>
      </c>
      <c r="P107" s="37">
        <v>7707</v>
      </c>
      <c r="Q107" s="38">
        <v>2655</v>
      </c>
      <c r="R107" s="39">
        <v>34.4</v>
      </c>
      <c r="S107" s="40">
        <v>7524</v>
      </c>
      <c r="T107" s="38">
        <v>2683</v>
      </c>
      <c r="U107" s="67">
        <v>35.700000000000003</v>
      </c>
      <c r="V107" s="37">
        <v>7335</v>
      </c>
      <c r="W107" s="38">
        <v>2730</v>
      </c>
      <c r="X107" s="68">
        <v>37.200000000000003</v>
      </c>
      <c r="Y107" s="40">
        <v>7169</v>
      </c>
      <c r="Z107" s="38">
        <v>2720</v>
      </c>
      <c r="AA107" s="67">
        <v>37.9</v>
      </c>
      <c r="AB107" s="37">
        <v>6996</v>
      </c>
      <c r="AC107" s="38">
        <v>2744</v>
      </c>
      <c r="AD107" s="68">
        <v>39.200000000000003</v>
      </c>
      <c r="AE107" s="40">
        <v>6820</v>
      </c>
      <c r="AF107" s="38">
        <v>2741</v>
      </c>
      <c r="AG107" s="67">
        <v>40.200000000000003</v>
      </c>
      <c r="AH107" s="37">
        <v>6684</v>
      </c>
      <c r="AI107" s="38">
        <v>2748</v>
      </c>
      <c r="AJ107" s="68">
        <v>41.1</v>
      </c>
      <c r="AK107" s="40">
        <v>6562</v>
      </c>
      <c r="AL107" s="38">
        <v>2748</v>
      </c>
      <c r="AM107" s="67">
        <v>41.9</v>
      </c>
      <c r="AN107" s="37">
        <v>6367</v>
      </c>
      <c r="AO107" s="38">
        <v>2789</v>
      </c>
      <c r="AP107" s="68">
        <v>43.8</v>
      </c>
      <c r="AQ107" s="40">
        <v>6188</v>
      </c>
      <c r="AR107" s="38">
        <v>2797</v>
      </c>
      <c r="AS107" s="67">
        <v>45.2</v>
      </c>
      <c r="AT107" s="37">
        <v>6014</v>
      </c>
      <c r="AU107" s="38">
        <v>2774</v>
      </c>
      <c r="AV107" s="68">
        <v>46.1</v>
      </c>
      <c r="AW107" s="40">
        <v>5834</v>
      </c>
      <c r="AX107" s="38">
        <v>2714</v>
      </c>
      <c r="AY107" s="41">
        <v>46.5</v>
      </c>
      <c r="AZ107" s="37">
        <v>5682</v>
      </c>
      <c r="BA107" s="38">
        <v>2656</v>
      </c>
      <c r="BB107" s="68">
        <v>46.7</v>
      </c>
      <c r="BC107" s="40">
        <v>5521</v>
      </c>
      <c r="BD107" s="38">
        <v>2636</v>
      </c>
      <c r="BE107" s="41">
        <v>47.7</v>
      </c>
      <c r="BF107" s="37">
        <v>5422</v>
      </c>
      <c r="BG107" s="38">
        <v>5428</v>
      </c>
      <c r="BH107" s="38">
        <v>2635</v>
      </c>
      <c r="BI107" s="38">
        <v>2635</v>
      </c>
      <c r="BJ107" s="69">
        <v>48.6</v>
      </c>
      <c r="BK107" s="39">
        <v>48.5</v>
      </c>
      <c r="BL107" s="40">
        <v>5324</v>
      </c>
      <c r="BM107" s="38">
        <v>5330</v>
      </c>
      <c r="BN107" s="38">
        <v>2603</v>
      </c>
      <c r="BO107" s="38">
        <v>2603</v>
      </c>
      <c r="BP107" s="47">
        <v>48.9</v>
      </c>
      <c r="BQ107" s="67">
        <v>48.8</v>
      </c>
      <c r="BR107" s="37">
        <v>5215</v>
      </c>
      <c r="BS107" s="38">
        <v>5221</v>
      </c>
      <c r="BT107" s="38">
        <v>2599</v>
      </c>
      <c r="BU107" s="38">
        <v>2599</v>
      </c>
      <c r="BV107" s="47">
        <v>49.8</v>
      </c>
      <c r="BW107" s="39">
        <v>49.8</v>
      </c>
      <c r="BX107" s="70">
        <v>5065</v>
      </c>
      <c r="BY107" s="38">
        <v>5070</v>
      </c>
      <c r="BZ107" s="74">
        <v>2562</v>
      </c>
      <c r="CA107" s="38">
        <v>2562</v>
      </c>
      <c r="CB107" s="47">
        <v>50.6</v>
      </c>
      <c r="CC107" s="41">
        <v>50.5</v>
      </c>
      <c r="CD107" s="95">
        <v>4918</v>
      </c>
      <c r="CE107" s="38">
        <v>4924</v>
      </c>
      <c r="CF107" s="74">
        <v>2522</v>
      </c>
      <c r="CG107" s="38">
        <v>2522</v>
      </c>
      <c r="CH107" s="47">
        <v>51.3</v>
      </c>
      <c r="CI107" s="39">
        <v>51.2</v>
      </c>
      <c r="CJ107" s="40">
        <v>4803</v>
      </c>
      <c r="CK107" s="38">
        <v>4808</v>
      </c>
      <c r="CL107" s="38">
        <v>2467</v>
      </c>
      <c r="CM107" s="38">
        <v>2467</v>
      </c>
      <c r="CN107" s="47">
        <v>51.4</v>
      </c>
      <c r="CO107" s="41">
        <v>51.3</v>
      </c>
      <c r="CP107" s="37">
        <v>4683</v>
      </c>
      <c r="CQ107" s="38">
        <v>4690</v>
      </c>
      <c r="CR107" s="38">
        <v>2424</v>
      </c>
      <c r="CS107" s="38">
        <v>2424</v>
      </c>
      <c r="CT107" s="47">
        <v>51.8</v>
      </c>
      <c r="CU107" s="49">
        <v>51.7</v>
      </c>
      <c r="CV107" s="37">
        <v>4536</v>
      </c>
      <c r="CW107" s="38">
        <v>4544</v>
      </c>
      <c r="CX107" s="38">
        <v>2367</v>
      </c>
      <c r="CY107" s="38">
        <v>2367</v>
      </c>
      <c r="CZ107" s="47">
        <f t="shared" si="6"/>
        <v>52.2</v>
      </c>
      <c r="DA107" s="49">
        <f t="shared" si="7"/>
        <v>52.1</v>
      </c>
      <c r="DB107" s="37">
        <v>4430</v>
      </c>
      <c r="DC107" s="38">
        <v>4437</v>
      </c>
      <c r="DD107" s="38">
        <v>2318</v>
      </c>
      <c r="DE107" s="38">
        <v>2318</v>
      </c>
      <c r="DF107" s="47">
        <v>52.3</v>
      </c>
      <c r="DG107" s="49">
        <v>52.2</v>
      </c>
      <c r="DH107" s="37">
        <v>4293</v>
      </c>
      <c r="DI107" s="38">
        <v>4301</v>
      </c>
      <c r="DJ107" s="38">
        <v>2250</v>
      </c>
      <c r="DK107" s="38">
        <v>2250</v>
      </c>
      <c r="DL107" s="47">
        <f t="shared" si="8"/>
        <v>52.410901467505241</v>
      </c>
      <c r="DM107" s="49">
        <f t="shared" si="9"/>
        <v>52.313415484770985</v>
      </c>
      <c r="DN107" s="37">
        <v>4174</v>
      </c>
      <c r="DO107" s="38">
        <v>4181</v>
      </c>
      <c r="DP107" s="38">
        <v>2179</v>
      </c>
      <c r="DQ107" s="38">
        <v>2179</v>
      </c>
      <c r="DR107" s="47">
        <f t="shared" si="10"/>
        <v>52.204120747484431</v>
      </c>
      <c r="DS107" s="49">
        <f t="shared" si="11"/>
        <v>52.116718488399904</v>
      </c>
    </row>
    <row r="108" spans="1:123" x14ac:dyDescent="0.2">
      <c r="A108" s="175" t="s">
        <v>46</v>
      </c>
      <c r="B108" s="176"/>
      <c r="C108" s="121" t="s">
        <v>61</v>
      </c>
      <c r="D108" s="53">
        <v>35512</v>
      </c>
      <c r="E108" s="51">
        <v>4928</v>
      </c>
      <c r="F108" s="52">
        <v>13.9</v>
      </c>
      <c r="G108" s="53">
        <v>35148</v>
      </c>
      <c r="H108" s="51">
        <v>5091</v>
      </c>
      <c r="I108" s="54">
        <v>14.5</v>
      </c>
      <c r="J108" s="50">
        <v>34777</v>
      </c>
      <c r="K108" s="51">
        <v>5216</v>
      </c>
      <c r="L108" s="52">
        <v>15</v>
      </c>
      <c r="M108" s="53">
        <v>34414</v>
      </c>
      <c r="N108" s="51">
        <v>5430</v>
      </c>
      <c r="O108" s="54">
        <v>15.8</v>
      </c>
      <c r="P108" s="50">
        <v>34168</v>
      </c>
      <c r="Q108" s="51">
        <v>5627</v>
      </c>
      <c r="R108" s="52">
        <v>16.5</v>
      </c>
      <c r="S108" s="53">
        <v>33686</v>
      </c>
      <c r="T108" s="51">
        <v>5838</v>
      </c>
      <c r="U108" s="58">
        <v>17.3</v>
      </c>
      <c r="V108" s="50">
        <v>33451</v>
      </c>
      <c r="W108" s="51">
        <v>6126</v>
      </c>
      <c r="X108" s="55">
        <v>18.3</v>
      </c>
      <c r="Y108" s="53">
        <v>32998</v>
      </c>
      <c r="Z108" s="51">
        <v>6334</v>
      </c>
      <c r="AA108" s="58">
        <v>19.2</v>
      </c>
      <c r="AB108" s="50">
        <v>32641</v>
      </c>
      <c r="AC108" s="51">
        <v>6563</v>
      </c>
      <c r="AD108" s="55">
        <v>20.100000000000001</v>
      </c>
      <c r="AE108" s="53">
        <v>32194</v>
      </c>
      <c r="AF108" s="51">
        <v>6749</v>
      </c>
      <c r="AG108" s="58">
        <v>21</v>
      </c>
      <c r="AH108" s="50">
        <v>31803</v>
      </c>
      <c r="AI108" s="51">
        <v>6977</v>
      </c>
      <c r="AJ108" s="55">
        <v>21.9</v>
      </c>
      <c r="AK108" s="53">
        <v>31584</v>
      </c>
      <c r="AL108" s="51">
        <v>7139</v>
      </c>
      <c r="AM108" s="58">
        <v>22.6</v>
      </c>
      <c r="AN108" s="50">
        <v>31059</v>
      </c>
      <c r="AO108" s="51">
        <v>7297</v>
      </c>
      <c r="AP108" s="55">
        <v>23.5</v>
      </c>
      <c r="AQ108" s="53">
        <v>30560</v>
      </c>
      <c r="AR108" s="51">
        <v>7480</v>
      </c>
      <c r="AS108" s="58">
        <v>24.5</v>
      </c>
      <c r="AT108" s="50">
        <v>30209</v>
      </c>
      <c r="AU108" s="51">
        <v>7677</v>
      </c>
      <c r="AV108" s="55">
        <v>25.4</v>
      </c>
      <c r="AW108" s="53">
        <v>29868</v>
      </c>
      <c r="AX108" s="51">
        <v>7761</v>
      </c>
      <c r="AY108" s="54">
        <v>26</v>
      </c>
      <c r="AZ108" s="50">
        <v>29330</v>
      </c>
      <c r="BA108" s="51">
        <v>7783</v>
      </c>
      <c r="BB108" s="55">
        <v>26.5</v>
      </c>
      <c r="BC108" s="53">
        <v>28923</v>
      </c>
      <c r="BD108" s="51">
        <v>7892</v>
      </c>
      <c r="BE108" s="54">
        <v>27.3</v>
      </c>
      <c r="BF108" s="50">
        <v>28553</v>
      </c>
      <c r="BG108" s="51">
        <v>28815</v>
      </c>
      <c r="BH108" s="51">
        <v>7992</v>
      </c>
      <c r="BI108" s="51">
        <v>7996</v>
      </c>
      <c r="BJ108" s="56">
        <v>28</v>
      </c>
      <c r="BK108" s="52">
        <v>27.7</v>
      </c>
      <c r="BL108" s="53">
        <v>28289</v>
      </c>
      <c r="BM108" s="51">
        <v>28549</v>
      </c>
      <c r="BN108" s="51">
        <v>8086</v>
      </c>
      <c r="BO108" s="51">
        <v>8090</v>
      </c>
      <c r="BP108" s="57">
        <v>28.6</v>
      </c>
      <c r="BQ108" s="58">
        <v>28.3</v>
      </c>
      <c r="BR108" s="50">
        <v>27793</v>
      </c>
      <c r="BS108" s="51">
        <v>28050</v>
      </c>
      <c r="BT108" s="51">
        <v>8255</v>
      </c>
      <c r="BU108" s="51">
        <v>8258</v>
      </c>
      <c r="BV108" s="57">
        <v>29.7</v>
      </c>
      <c r="BW108" s="52">
        <v>29.4</v>
      </c>
      <c r="BX108" s="59">
        <v>27350</v>
      </c>
      <c r="BY108" s="51">
        <v>27629</v>
      </c>
      <c r="BZ108" s="72">
        <v>8433</v>
      </c>
      <c r="CA108" s="51">
        <v>8437</v>
      </c>
      <c r="CB108" s="57">
        <v>30.8</v>
      </c>
      <c r="CC108" s="54">
        <v>30.5</v>
      </c>
      <c r="CD108" s="93">
        <v>26750</v>
      </c>
      <c r="CE108" s="51">
        <v>27018</v>
      </c>
      <c r="CF108" s="72">
        <v>8508</v>
      </c>
      <c r="CG108" s="51">
        <v>8512</v>
      </c>
      <c r="CH108" s="57">
        <v>31.8</v>
      </c>
      <c r="CI108" s="52">
        <v>31.5</v>
      </c>
      <c r="CJ108" s="53">
        <v>26111</v>
      </c>
      <c r="CK108" s="51">
        <v>26399</v>
      </c>
      <c r="CL108" s="51">
        <v>8588</v>
      </c>
      <c r="CM108" s="51">
        <v>8591</v>
      </c>
      <c r="CN108" s="57">
        <v>32.9</v>
      </c>
      <c r="CO108" s="54">
        <v>32.5</v>
      </c>
      <c r="CP108" s="50">
        <v>25664</v>
      </c>
      <c r="CQ108" s="51">
        <v>25953</v>
      </c>
      <c r="CR108" s="51">
        <v>8656</v>
      </c>
      <c r="CS108" s="51">
        <v>8659</v>
      </c>
      <c r="CT108" s="57">
        <v>33.700000000000003</v>
      </c>
      <c r="CU108" s="61">
        <v>33.4</v>
      </c>
      <c r="CV108" s="50">
        <v>25136</v>
      </c>
      <c r="CW108" s="51">
        <v>25457</v>
      </c>
      <c r="CX108" s="51">
        <v>8688</v>
      </c>
      <c r="CY108" s="51">
        <v>8690</v>
      </c>
      <c r="CZ108" s="21">
        <f t="shared" si="6"/>
        <v>34.6</v>
      </c>
      <c r="DA108" s="23">
        <f t="shared" si="7"/>
        <v>34.1</v>
      </c>
      <c r="DB108" s="50">
        <v>24521</v>
      </c>
      <c r="DC108" s="51">
        <v>24858</v>
      </c>
      <c r="DD108" s="51">
        <v>8636</v>
      </c>
      <c r="DE108" s="51">
        <v>8638</v>
      </c>
      <c r="DF108" s="21">
        <v>35.200000000000003</v>
      </c>
      <c r="DG108" s="23">
        <v>34.700000000000003</v>
      </c>
      <c r="DH108" s="50">
        <v>23886</v>
      </c>
      <c r="DI108" s="51">
        <v>24231</v>
      </c>
      <c r="DJ108" s="51">
        <v>8501</v>
      </c>
      <c r="DK108" s="51">
        <v>8503</v>
      </c>
      <c r="DL108" s="21">
        <f t="shared" si="8"/>
        <v>35.589885288453488</v>
      </c>
      <c r="DM108" s="23">
        <f t="shared" si="9"/>
        <v>35.091411827823862</v>
      </c>
      <c r="DN108" s="50">
        <v>23122</v>
      </c>
      <c r="DO108" s="51">
        <v>23546</v>
      </c>
      <c r="DP108" s="51">
        <v>8345</v>
      </c>
      <c r="DQ108" s="51">
        <v>8348</v>
      </c>
      <c r="DR108" s="21">
        <f t="shared" si="10"/>
        <v>36.091168584032523</v>
      </c>
      <c r="DS108" s="23">
        <f t="shared" si="11"/>
        <v>35.4540049265268</v>
      </c>
    </row>
    <row r="109" spans="1:123" x14ac:dyDescent="0.2">
      <c r="A109" s="175"/>
      <c r="B109" s="176"/>
      <c r="C109" s="123" t="s">
        <v>62</v>
      </c>
      <c r="D109" s="27">
        <v>17026</v>
      </c>
      <c r="E109" s="25">
        <v>2019</v>
      </c>
      <c r="F109" s="26">
        <v>11.9</v>
      </c>
      <c r="G109" s="27">
        <v>16868</v>
      </c>
      <c r="H109" s="25">
        <v>2092</v>
      </c>
      <c r="I109" s="28">
        <v>12.4</v>
      </c>
      <c r="J109" s="24">
        <v>16691</v>
      </c>
      <c r="K109" s="25">
        <v>2163</v>
      </c>
      <c r="L109" s="26">
        <v>13</v>
      </c>
      <c r="M109" s="27">
        <v>16536</v>
      </c>
      <c r="N109" s="25">
        <v>2274</v>
      </c>
      <c r="O109" s="28">
        <v>13.8</v>
      </c>
      <c r="P109" s="24">
        <v>16417</v>
      </c>
      <c r="Q109" s="25">
        <v>2362</v>
      </c>
      <c r="R109" s="26">
        <v>14.4</v>
      </c>
      <c r="S109" s="27">
        <v>16133</v>
      </c>
      <c r="T109" s="25">
        <v>2465</v>
      </c>
      <c r="U109" s="62">
        <v>15.3</v>
      </c>
      <c r="V109" s="24">
        <v>16034</v>
      </c>
      <c r="W109" s="25">
        <v>2594</v>
      </c>
      <c r="X109" s="63">
        <v>16.2</v>
      </c>
      <c r="Y109" s="27">
        <v>15784</v>
      </c>
      <c r="Z109" s="25">
        <v>2706</v>
      </c>
      <c r="AA109" s="62">
        <v>17.100000000000001</v>
      </c>
      <c r="AB109" s="24">
        <v>15632</v>
      </c>
      <c r="AC109" s="25">
        <v>2783</v>
      </c>
      <c r="AD109" s="63">
        <v>17.8</v>
      </c>
      <c r="AE109" s="27">
        <v>15428</v>
      </c>
      <c r="AF109" s="25">
        <v>2847</v>
      </c>
      <c r="AG109" s="62">
        <v>18.5</v>
      </c>
      <c r="AH109" s="24">
        <v>15229</v>
      </c>
      <c r="AI109" s="25">
        <v>2933</v>
      </c>
      <c r="AJ109" s="63">
        <v>19.3</v>
      </c>
      <c r="AK109" s="27">
        <v>15136</v>
      </c>
      <c r="AL109" s="25">
        <v>2969</v>
      </c>
      <c r="AM109" s="62">
        <v>19.600000000000001</v>
      </c>
      <c r="AN109" s="24">
        <v>14846</v>
      </c>
      <c r="AO109" s="25">
        <v>3010</v>
      </c>
      <c r="AP109" s="63">
        <v>20.3</v>
      </c>
      <c r="AQ109" s="27">
        <v>14605</v>
      </c>
      <c r="AR109" s="25">
        <v>3072</v>
      </c>
      <c r="AS109" s="62">
        <v>21</v>
      </c>
      <c r="AT109" s="24">
        <v>14504</v>
      </c>
      <c r="AU109" s="25">
        <v>3156</v>
      </c>
      <c r="AV109" s="63">
        <v>21.8</v>
      </c>
      <c r="AW109" s="27">
        <v>14339</v>
      </c>
      <c r="AX109" s="25">
        <v>3182</v>
      </c>
      <c r="AY109" s="28">
        <v>22.2</v>
      </c>
      <c r="AZ109" s="24">
        <v>14085</v>
      </c>
      <c r="BA109" s="25">
        <v>3162</v>
      </c>
      <c r="BB109" s="63">
        <v>22.4</v>
      </c>
      <c r="BC109" s="27">
        <v>13898</v>
      </c>
      <c r="BD109" s="25">
        <v>3220</v>
      </c>
      <c r="BE109" s="28">
        <v>23.2</v>
      </c>
      <c r="BF109" s="24">
        <v>13721</v>
      </c>
      <c r="BG109" s="25">
        <v>13763</v>
      </c>
      <c r="BH109" s="25">
        <v>3267</v>
      </c>
      <c r="BI109" s="25">
        <v>3270</v>
      </c>
      <c r="BJ109" s="64">
        <v>23.8</v>
      </c>
      <c r="BK109" s="26">
        <v>23.8</v>
      </c>
      <c r="BL109" s="27">
        <v>13599</v>
      </c>
      <c r="BM109" s="25">
        <v>13639</v>
      </c>
      <c r="BN109" s="25">
        <v>3314</v>
      </c>
      <c r="BO109" s="25">
        <v>3317</v>
      </c>
      <c r="BP109" s="34">
        <v>24.4</v>
      </c>
      <c r="BQ109" s="62">
        <v>24.3</v>
      </c>
      <c r="BR109" s="24">
        <v>13364</v>
      </c>
      <c r="BS109" s="25">
        <v>13407</v>
      </c>
      <c r="BT109" s="25">
        <v>3375</v>
      </c>
      <c r="BU109" s="25">
        <v>3377</v>
      </c>
      <c r="BV109" s="34">
        <v>25.3</v>
      </c>
      <c r="BW109" s="26">
        <v>25.2</v>
      </c>
      <c r="BX109" s="65">
        <v>13167</v>
      </c>
      <c r="BY109" s="25">
        <v>13218</v>
      </c>
      <c r="BZ109" s="73">
        <v>3470</v>
      </c>
      <c r="CA109" s="25">
        <v>3473</v>
      </c>
      <c r="CB109" s="34">
        <v>26.4</v>
      </c>
      <c r="CC109" s="28">
        <v>26.3</v>
      </c>
      <c r="CD109" s="94">
        <v>12849</v>
      </c>
      <c r="CE109" s="25">
        <v>12894</v>
      </c>
      <c r="CF109" s="73">
        <v>3505</v>
      </c>
      <c r="CG109" s="25">
        <v>3508</v>
      </c>
      <c r="CH109" s="34">
        <v>27.3</v>
      </c>
      <c r="CI109" s="26">
        <v>27.2</v>
      </c>
      <c r="CJ109" s="27">
        <v>12590</v>
      </c>
      <c r="CK109" s="25">
        <v>12634</v>
      </c>
      <c r="CL109" s="25">
        <v>3528</v>
      </c>
      <c r="CM109" s="25">
        <v>3530</v>
      </c>
      <c r="CN109" s="34">
        <v>28</v>
      </c>
      <c r="CO109" s="28">
        <v>27.9</v>
      </c>
      <c r="CP109" s="24">
        <v>12363</v>
      </c>
      <c r="CQ109" s="25">
        <v>12404</v>
      </c>
      <c r="CR109" s="25">
        <v>3564</v>
      </c>
      <c r="CS109" s="25">
        <v>3566</v>
      </c>
      <c r="CT109" s="34">
        <v>28.8</v>
      </c>
      <c r="CU109" s="36">
        <v>28.7</v>
      </c>
      <c r="CV109" s="24">
        <v>12102</v>
      </c>
      <c r="CW109" s="25">
        <v>12153</v>
      </c>
      <c r="CX109" s="25">
        <v>3582</v>
      </c>
      <c r="CY109" s="25">
        <v>3583</v>
      </c>
      <c r="CZ109" s="34">
        <f t="shared" si="6"/>
        <v>29.6</v>
      </c>
      <c r="DA109" s="36">
        <f t="shared" si="7"/>
        <v>29.5</v>
      </c>
      <c r="DB109" s="24">
        <v>11775</v>
      </c>
      <c r="DC109" s="25">
        <v>11830</v>
      </c>
      <c r="DD109" s="25">
        <v>3546</v>
      </c>
      <c r="DE109" s="25">
        <v>3547</v>
      </c>
      <c r="DF109" s="34">
        <v>30.1</v>
      </c>
      <c r="DG109" s="36">
        <v>30</v>
      </c>
      <c r="DH109" s="24">
        <v>11525</v>
      </c>
      <c r="DI109" s="25">
        <v>11596</v>
      </c>
      <c r="DJ109" s="25">
        <v>3505</v>
      </c>
      <c r="DK109" s="25">
        <v>3506</v>
      </c>
      <c r="DL109" s="34">
        <f t="shared" si="8"/>
        <v>30.412147505422993</v>
      </c>
      <c r="DM109" s="36">
        <f t="shared" si="9"/>
        <v>30.234563642635393</v>
      </c>
      <c r="DN109" s="24">
        <v>11165</v>
      </c>
      <c r="DO109" s="25">
        <v>11263</v>
      </c>
      <c r="DP109" s="25">
        <v>3422</v>
      </c>
      <c r="DQ109" s="25">
        <v>3424</v>
      </c>
      <c r="DR109" s="34">
        <f t="shared" si="10"/>
        <v>30.649350649350648</v>
      </c>
      <c r="DS109" s="36">
        <f t="shared" si="11"/>
        <v>30.400426174198703</v>
      </c>
    </row>
    <row r="110" spans="1:123" x14ac:dyDescent="0.2">
      <c r="A110" s="175"/>
      <c r="B110" s="176"/>
      <c r="C110" s="122" t="s">
        <v>63</v>
      </c>
      <c r="D110" s="40">
        <v>18486</v>
      </c>
      <c r="E110" s="38">
        <v>2909</v>
      </c>
      <c r="F110" s="39">
        <v>15.7</v>
      </c>
      <c r="G110" s="40">
        <v>18280</v>
      </c>
      <c r="H110" s="38">
        <v>2999</v>
      </c>
      <c r="I110" s="41">
        <v>16.399999999999999</v>
      </c>
      <c r="J110" s="37">
        <v>18086</v>
      </c>
      <c r="K110" s="38">
        <v>3053</v>
      </c>
      <c r="L110" s="39">
        <v>16.899999999999999</v>
      </c>
      <c r="M110" s="40">
        <v>17878</v>
      </c>
      <c r="N110" s="38">
        <v>3156</v>
      </c>
      <c r="O110" s="41">
        <v>17.7</v>
      </c>
      <c r="P110" s="37">
        <v>17751</v>
      </c>
      <c r="Q110" s="38">
        <v>3265</v>
      </c>
      <c r="R110" s="39">
        <v>18.399999999999999</v>
      </c>
      <c r="S110" s="40">
        <v>17553</v>
      </c>
      <c r="T110" s="38">
        <v>3373</v>
      </c>
      <c r="U110" s="67">
        <v>19.2</v>
      </c>
      <c r="V110" s="37">
        <v>17417</v>
      </c>
      <c r="W110" s="38">
        <v>3532</v>
      </c>
      <c r="X110" s="68">
        <v>20.3</v>
      </c>
      <c r="Y110" s="40">
        <v>17214</v>
      </c>
      <c r="Z110" s="38">
        <v>3628</v>
      </c>
      <c r="AA110" s="67">
        <v>21.1</v>
      </c>
      <c r="AB110" s="37">
        <v>17009</v>
      </c>
      <c r="AC110" s="38">
        <v>3780</v>
      </c>
      <c r="AD110" s="68">
        <v>22.2</v>
      </c>
      <c r="AE110" s="40">
        <v>16766</v>
      </c>
      <c r="AF110" s="38">
        <v>3902</v>
      </c>
      <c r="AG110" s="67">
        <v>23.3</v>
      </c>
      <c r="AH110" s="37">
        <v>16574</v>
      </c>
      <c r="AI110" s="38">
        <v>4044</v>
      </c>
      <c r="AJ110" s="68">
        <v>24.4</v>
      </c>
      <c r="AK110" s="40">
        <v>16448</v>
      </c>
      <c r="AL110" s="38">
        <v>4170</v>
      </c>
      <c r="AM110" s="67">
        <v>25.4</v>
      </c>
      <c r="AN110" s="37">
        <v>16213</v>
      </c>
      <c r="AO110" s="38">
        <v>4287</v>
      </c>
      <c r="AP110" s="68">
        <v>26.4</v>
      </c>
      <c r="AQ110" s="40">
        <v>15955</v>
      </c>
      <c r="AR110" s="38">
        <v>4408</v>
      </c>
      <c r="AS110" s="67">
        <v>27.6</v>
      </c>
      <c r="AT110" s="37">
        <v>15705</v>
      </c>
      <c r="AU110" s="38">
        <v>4521</v>
      </c>
      <c r="AV110" s="68">
        <v>28.8</v>
      </c>
      <c r="AW110" s="40">
        <v>15529</v>
      </c>
      <c r="AX110" s="38">
        <v>4579</v>
      </c>
      <c r="AY110" s="41">
        <v>29.5</v>
      </c>
      <c r="AZ110" s="37">
        <v>15245</v>
      </c>
      <c r="BA110" s="38">
        <v>4621</v>
      </c>
      <c r="BB110" s="68">
        <v>30.3</v>
      </c>
      <c r="BC110" s="40">
        <v>15025</v>
      </c>
      <c r="BD110" s="38">
        <v>4672</v>
      </c>
      <c r="BE110" s="41">
        <v>31.1</v>
      </c>
      <c r="BF110" s="37">
        <v>14832</v>
      </c>
      <c r="BG110" s="38">
        <v>15052</v>
      </c>
      <c r="BH110" s="38">
        <v>4725</v>
      </c>
      <c r="BI110" s="38">
        <v>4726</v>
      </c>
      <c r="BJ110" s="69">
        <v>31.9</v>
      </c>
      <c r="BK110" s="39">
        <v>31.4</v>
      </c>
      <c r="BL110" s="40">
        <v>14690</v>
      </c>
      <c r="BM110" s="38">
        <v>14910</v>
      </c>
      <c r="BN110" s="38">
        <v>4772</v>
      </c>
      <c r="BO110" s="38">
        <v>4773</v>
      </c>
      <c r="BP110" s="47">
        <v>32.5</v>
      </c>
      <c r="BQ110" s="67">
        <v>32</v>
      </c>
      <c r="BR110" s="37">
        <v>14429</v>
      </c>
      <c r="BS110" s="38">
        <v>14643</v>
      </c>
      <c r="BT110" s="38">
        <v>4880</v>
      </c>
      <c r="BU110" s="38">
        <v>4881</v>
      </c>
      <c r="BV110" s="47">
        <v>33.799999999999997</v>
      </c>
      <c r="BW110" s="39">
        <v>33.299999999999997</v>
      </c>
      <c r="BX110" s="70">
        <v>14183</v>
      </c>
      <c r="BY110" s="38">
        <v>14411</v>
      </c>
      <c r="BZ110" s="74">
        <v>4963</v>
      </c>
      <c r="CA110" s="38">
        <v>4964</v>
      </c>
      <c r="CB110" s="47">
        <v>35</v>
      </c>
      <c r="CC110" s="41">
        <v>34.4</v>
      </c>
      <c r="CD110" s="95">
        <v>13901</v>
      </c>
      <c r="CE110" s="38">
        <v>14124</v>
      </c>
      <c r="CF110" s="74">
        <v>5003</v>
      </c>
      <c r="CG110" s="38">
        <v>5004</v>
      </c>
      <c r="CH110" s="47">
        <v>36</v>
      </c>
      <c r="CI110" s="39">
        <v>35.4</v>
      </c>
      <c r="CJ110" s="40">
        <v>13521</v>
      </c>
      <c r="CK110" s="38">
        <v>13765</v>
      </c>
      <c r="CL110" s="38">
        <v>5060</v>
      </c>
      <c r="CM110" s="38">
        <v>5061</v>
      </c>
      <c r="CN110" s="47">
        <v>37.4</v>
      </c>
      <c r="CO110" s="41">
        <v>36.799999999999997</v>
      </c>
      <c r="CP110" s="37">
        <v>13301</v>
      </c>
      <c r="CQ110" s="38">
        <v>13549</v>
      </c>
      <c r="CR110" s="38">
        <v>5092</v>
      </c>
      <c r="CS110" s="38">
        <v>5093</v>
      </c>
      <c r="CT110" s="47">
        <v>38.299999999999997</v>
      </c>
      <c r="CU110" s="49">
        <v>37.6</v>
      </c>
      <c r="CV110" s="37">
        <v>13034</v>
      </c>
      <c r="CW110" s="38">
        <v>13304</v>
      </c>
      <c r="CX110" s="38">
        <v>5106</v>
      </c>
      <c r="CY110" s="38">
        <v>5107</v>
      </c>
      <c r="CZ110" s="47">
        <f t="shared" si="6"/>
        <v>39.200000000000003</v>
      </c>
      <c r="DA110" s="49">
        <f t="shared" si="7"/>
        <v>38.4</v>
      </c>
      <c r="DB110" s="37">
        <v>12746</v>
      </c>
      <c r="DC110" s="38">
        <v>13028</v>
      </c>
      <c r="DD110" s="38">
        <v>5090</v>
      </c>
      <c r="DE110" s="38">
        <v>5091</v>
      </c>
      <c r="DF110" s="47">
        <v>39.9</v>
      </c>
      <c r="DG110" s="49">
        <v>39.1</v>
      </c>
      <c r="DH110" s="37">
        <v>12361</v>
      </c>
      <c r="DI110" s="38">
        <v>12635</v>
      </c>
      <c r="DJ110" s="38">
        <v>4996</v>
      </c>
      <c r="DK110" s="38">
        <v>4997</v>
      </c>
      <c r="DL110" s="21">
        <f t="shared" si="8"/>
        <v>40.417441954534425</v>
      </c>
      <c r="DM110" s="23">
        <f t="shared" si="9"/>
        <v>39.548872180451127</v>
      </c>
      <c r="DN110" s="37">
        <v>11957</v>
      </c>
      <c r="DO110" s="38">
        <v>12283</v>
      </c>
      <c r="DP110" s="38">
        <v>4923</v>
      </c>
      <c r="DQ110" s="38">
        <v>4924</v>
      </c>
      <c r="DR110" s="21">
        <f t="shared" si="10"/>
        <v>41.172534916785146</v>
      </c>
      <c r="DS110" s="23">
        <f t="shared" si="11"/>
        <v>40.087926402344706</v>
      </c>
    </row>
    <row r="111" spans="1:123" x14ac:dyDescent="0.2">
      <c r="A111" s="175" t="s">
        <v>47</v>
      </c>
      <c r="B111" s="176"/>
      <c r="C111" s="121" t="s">
        <v>61</v>
      </c>
      <c r="D111" s="53">
        <v>84048</v>
      </c>
      <c r="E111" s="51">
        <v>7216</v>
      </c>
      <c r="F111" s="52">
        <v>8.6</v>
      </c>
      <c r="G111" s="53">
        <v>84974</v>
      </c>
      <c r="H111" s="51">
        <v>7811</v>
      </c>
      <c r="I111" s="54">
        <v>9.1999999999999993</v>
      </c>
      <c r="J111" s="50">
        <v>86017</v>
      </c>
      <c r="K111" s="51">
        <v>8305</v>
      </c>
      <c r="L111" s="52">
        <v>9.6999999999999993</v>
      </c>
      <c r="M111" s="53">
        <v>87208</v>
      </c>
      <c r="N111" s="51">
        <v>8934</v>
      </c>
      <c r="O111" s="54">
        <v>10.199999999999999</v>
      </c>
      <c r="P111" s="50">
        <v>87742</v>
      </c>
      <c r="Q111" s="51">
        <v>9536</v>
      </c>
      <c r="R111" s="52">
        <v>10.9</v>
      </c>
      <c r="S111" s="53">
        <v>88126</v>
      </c>
      <c r="T111" s="51">
        <v>10054</v>
      </c>
      <c r="U111" s="58">
        <v>11.4</v>
      </c>
      <c r="V111" s="50">
        <v>88472</v>
      </c>
      <c r="W111" s="51">
        <v>10709</v>
      </c>
      <c r="X111" s="55">
        <v>12.1</v>
      </c>
      <c r="Y111" s="53">
        <v>88679</v>
      </c>
      <c r="Z111" s="51">
        <v>11309</v>
      </c>
      <c r="AA111" s="58">
        <v>12.8</v>
      </c>
      <c r="AB111" s="50">
        <v>89477</v>
      </c>
      <c r="AC111" s="51">
        <v>11880</v>
      </c>
      <c r="AD111" s="55">
        <v>13.3</v>
      </c>
      <c r="AE111" s="53">
        <v>89976</v>
      </c>
      <c r="AF111" s="51">
        <v>12460</v>
      </c>
      <c r="AG111" s="58">
        <v>13.8</v>
      </c>
      <c r="AH111" s="50">
        <v>90507</v>
      </c>
      <c r="AI111" s="51">
        <v>12952</v>
      </c>
      <c r="AJ111" s="55">
        <v>14.3</v>
      </c>
      <c r="AK111" s="53">
        <v>91668</v>
      </c>
      <c r="AL111" s="51">
        <v>13580</v>
      </c>
      <c r="AM111" s="58">
        <v>14.8</v>
      </c>
      <c r="AN111" s="50">
        <v>92094</v>
      </c>
      <c r="AO111" s="51">
        <v>14317</v>
      </c>
      <c r="AP111" s="55">
        <v>15.5</v>
      </c>
      <c r="AQ111" s="53">
        <v>92323</v>
      </c>
      <c r="AR111" s="51">
        <v>14830</v>
      </c>
      <c r="AS111" s="58">
        <v>16.100000000000001</v>
      </c>
      <c r="AT111" s="50">
        <v>92732</v>
      </c>
      <c r="AU111" s="51">
        <v>15424</v>
      </c>
      <c r="AV111" s="55">
        <v>16.600000000000001</v>
      </c>
      <c r="AW111" s="53">
        <v>93117</v>
      </c>
      <c r="AX111" s="51">
        <v>15887</v>
      </c>
      <c r="AY111" s="54">
        <v>17.100000000000001</v>
      </c>
      <c r="AZ111" s="50">
        <v>93546</v>
      </c>
      <c r="BA111" s="51">
        <v>16307</v>
      </c>
      <c r="BB111" s="55">
        <v>17.399999999999999</v>
      </c>
      <c r="BC111" s="53">
        <v>94124</v>
      </c>
      <c r="BD111" s="51">
        <v>16798</v>
      </c>
      <c r="BE111" s="54">
        <v>17.8</v>
      </c>
      <c r="BF111" s="50">
        <v>94312</v>
      </c>
      <c r="BG111" s="51">
        <v>94731</v>
      </c>
      <c r="BH111" s="51">
        <v>17636</v>
      </c>
      <c r="BI111" s="51">
        <v>17679</v>
      </c>
      <c r="BJ111" s="56">
        <v>18.7</v>
      </c>
      <c r="BK111" s="52">
        <v>18.7</v>
      </c>
      <c r="BL111" s="53">
        <v>95078</v>
      </c>
      <c r="BM111" s="51">
        <v>95481</v>
      </c>
      <c r="BN111" s="51">
        <v>18255</v>
      </c>
      <c r="BO111" s="51">
        <v>18300</v>
      </c>
      <c r="BP111" s="57">
        <v>19.2</v>
      </c>
      <c r="BQ111" s="58">
        <v>19.2</v>
      </c>
      <c r="BR111" s="50">
        <v>95112</v>
      </c>
      <c r="BS111" s="51">
        <v>95532</v>
      </c>
      <c r="BT111" s="51">
        <v>19232</v>
      </c>
      <c r="BU111" s="51">
        <v>19280</v>
      </c>
      <c r="BV111" s="57">
        <v>20.2</v>
      </c>
      <c r="BW111" s="52">
        <v>20.2</v>
      </c>
      <c r="BX111" s="59">
        <v>95442</v>
      </c>
      <c r="BY111" s="51">
        <v>95923</v>
      </c>
      <c r="BZ111" s="72">
        <v>20048</v>
      </c>
      <c r="CA111" s="51">
        <v>20099</v>
      </c>
      <c r="CB111" s="57">
        <v>21</v>
      </c>
      <c r="CC111" s="54">
        <v>21</v>
      </c>
      <c r="CD111" s="93">
        <v>95902</v>
      </c>
      <c r="CE111" s="51">
        <v>96428</v>
      </c>
      <c r="CF111" s="72">
        <v>20687</v>
      </c>
      <c r="CG111" s="51">
        <v>20738</v>
      </c>
      <c r="CH111" s="57">
        <v>21.6</v>
      </c>
      <c r="CI111" s="52">
        <v>21.5</v>
      </c>
      <c r="CJ111" s="53">
        <v>96273</v>
      </c>
      <c r="CK111" s="51">
        <v>96841</v>
      </c>
      <c r="CL111" s="51">
        <v>21332</v>
      </c>
      <c r="CM111" s="51">
        <v>21380</v>
      </c>
      <c r="CN111" s="57">
        <v>22.2</v>
      </c>
      <c r="CO111" s="54">
        <v>22.1</v>
      </c>
      <c r="CP111" s="50">
        <v>96382</v>
      </c>
      <c r="CQ111" s="51">
        <v>97061</v>
      </c>
      <c r="CR111" s="51">
        <v>21888</v>
      </c>
      <c r="CS111" s="51">
        <v>21941</v>
      </c>
      <c r="CT111" s="57">
        <v>22.7</v>
      </c>
      <c r="CU111" s="61">
        <v>22.6</v>
      </c>
      <c r="CV111" s="50">
        <v>96751</v>
      </c>
      <c r="CW111" s="51">
        <v>97552</v>
      </c>
      <c r="CX111" s="51">
        <v>22315</v>
      </c>
      <c r="CY111" s="51">
        <v>22371</v>
      </c>
      <c r="CZ111" s="21">
        <f t="shared" si="6"/>
        <v>23.1</v>
      </c>
      <c r="DA111" s="23">
        <f t="shared" si="7"/>
        <v>22.9</v>
      </c>
      <c r="DB111" s="50">
        <v>97192</v>
      </c>
      <c r="DC111" s="51">
        <v>97942</v>
      </c>
      <c r="DD111" s="51">
        <v>22639</v>
      </c>
      <c r="DE111" s="51">
        <v>22696</v>
      </c>
      <c r="DF111" s="21">
        <v>23.3</v>
      </c>
      <c r="DG111" s="23">
        <v>23.2</v>
      </c>
      <c r="DH111" s="50">
        <v>97002</v>
      </c>
      <c r="DI111" s="51">
        <v>97716</v>
      </c>
      <c r="DJ111" s="51">
        <v>22941</v>
      </c>
      <c r="DK111" s="51">
        <v>22995</v>
      </c>
      <c r="DL111" s="57">
        <f t="shared" si="8"/>
        <v>23.65002783447764</v>
      </c>
      <c r="DM111" s="61">
        <f t="shared" si="9"/>
        <v>23.532481886282696</v>
      </c>
      <c r="DN111" s="50">
        <v>96850</v>
      </c>
      <c r="DO111" s="51">
        <v>97664</v>
      </c>
      <c r="DP111" s="51">
        <v>23100</v>
      </c>
      <c r="DQ111" s="51">
        <v>23157</v>
      </c>
      <c r="DR111" s="57">
        <f t="shared" si="10"/>
        <v>23.851316468766136</v>
      </c>
      <c r="DS111" s="61">
        <f t="shared" si="11"/>
        <v>23.71088630406291</v>
      </c>
    </row>
    <row r="112" spans="1:123" x14ac:dyDescent="0.2">
      <c r="A112" s="175"/>
      <c r="B112" s="176"/>
      <c r="C112" s="123" t="s">
        <v>62</v>
      </c>
      <c r="D112" s="27">
        <v>43741</v>
      </c>
      <c r="E112" s="25">
        <v>3198</v>
      </c>
      <c r="F112" s="26">
        <v>7.3</v>
      </c>
      <c r="G112" s="27">
        <v>44145</v>
      </c>
      <c r="H112" s="25">
        <v>3513</v>
      </c>
      <c r="I112" s="28">
        <v>8</v>
      </c>
      <c r="J112" s="24">
        <v>44548</v>
      </c>
      <c r="K112" s="25">
        <v>3762</v>
      </c>
      <c r="L112" s="26">
        <v>8.4</v>
      </c>
      <c r="M112" s="27">
        <v>45097</v>
      </c>
      <c r="N112" s="25">
        <v>4074</v>
      </c>
      <c r="O112" s="28">
        <v>9</v>
      </c>
      <c r="P112" s="24">
        <v>45353</v>
      </c>
      <c r="Q112" s="25">
        <v>4352</v>
      </c>
      <c r="R112" s="26">
        <v>9.6</v>
      </c>
      <c r="S112" s="27">
        <v>45623</v>
      </c>
      <c r="T112" s="25">
        <v>4601</v>
      </c>
      <c r="U112" s="62">
        <v>10.1</v>
      </c>
      <c r="V112" s="24">
        <v>45745</v>
      </c>
      <c r="W112" s="25">
        <v>4887</v>
      </c>
      <c r="X112" s="63">
        <v>10.7</v>
      </c>
      <c r="Y112" s="27">
        <v>45576</v>
      </c>
      <c r="Z112" s="25">
        <v>5157</v>
      </c>
      <c r="AA112" s="62">
        <v>11.3</v>
      </c>
      <c r="AB112" s="24">
        <v>46019</v>
      </c>
      <c r="AC112" s="25">
        <v>5424</v>
      </c>
      <c r="AD112" s="63">
        <v>11.8</v>
      </c>
      <c r="AE112" s="27">
        <v>46155</v>
      </c>
      <c r="AF112" s="25">
        <v>5650</v>
      </c>
      <c r="AG112" s="62">
        <v>12.2</v>
      </c>
      <c r="AH112" s="24">
        <v>46476</v>
      </c>
      <c r="AI112" s="25">
        <v>5857</v>
      </c>
      <c r="AJ112" s="63">
        <v>12.6</v>
      </c>
      <c r="AK112" s="27">
        <v>46963</v>
      </c>
      <c r="AL112" s="25">
        <v>6117</v>
      </c>
      <c r="AM112" s="62">
        <v>13</v>
      </c>
      <c r="AN112" s="24">
        <v>47188</v>
      </c>
      <c r="AO112" s="25">
        <v>6435</v>
      </c>
      <c r="AP112" s="63">
        <v>13.6</v>
      </c>
      <c r="AQ112" s="27">
        <v>47246</v>
      </c>
      <c r="AR112" s="25">
        <v>6632</v>
      </c>
      <c r="AS112" s="62">
        <v>14</v>
      </c>
      <c r="AT112" s="24">
        <v>47322</v>
      </c>
      <c r="AU112" s="25">
        <v>6854</v>
      </c>
      <c r="AV112" s="63">
        <v>14.5</v>
      </c>
      <c r="AW112" s="27">
        <v>47451</v>
      </c>
      <c r="AX112" s="25">
        <v>7047</v>
      </c>
      <c r="AY112" s="28">
        <v>14.9</v>
      </c>
      <c r="AZ112" s="24">
        <v>47546</v>
      </c>
      <c r="BA112" s="25">
        <v>7220</v>
      </c>
      <c r="BB112" s="63">
        <v>15.2</v>
      </c>
      <c r="BC112" s="27">
        <v>47811</v>
      </c>
      <c r="BD112" s="25">
        <v>7438</v>
      </c>
      <c r="BE112" s="28">
        <v>15.6</v>
      </c>
      <c r="BF112" s="24">
        <v>47869</v>
      </c>
      <c r="BG112" s="25">
        <v>48047</v>
      </c>
      <c r="BH112" s="25">
        <v>7824</v>
      </c>
      <c r="BI112" s="25">
        <v>7839</v>
      </c>
      <c r="BJ112" s="64">
        <v>16.3</v>
      </c>
      <c r="BK112" s="26">
        <v>16.3</v>
      </c>
      <c r="BL112" s="27">
        <v>48450</v>
      </c>
      <c r="BM112" s="25">
        <v>48633</v>
      </c>
      <c r="BN112" s="25">
        <v>8110</v>
      </c>
      <c r="BO112" s="25">
        <v>8127</v>
      </c>
      <c r="BP112" s="34">
        <v>16.7</v>
      </c>
      <c r="BQ112" s="62">
        <v>16.7</v>
      </c>
      <c r="BR112" s="24">
        <v>48381</v>
      </c>
      <c r="BS112" s="25">
        <v>48571</v>
      </c>
      <c r="BT112" s="25">
        <v>8541</v>
      </c>
      <c r="BU112" s="25">
        <v>8559</v>
      </c>
      <c r="BV112" s="34">
        <v>17.7</v>
      </c>
      <c r="BW112" s="26">
        <v>17.600000000000001</v>
      </c>
      <c r="BX112" s="65">
        <v>48528</v>
      </c>
      <c r="BY112" s="25">
        <v>48744</v>
      </c>
      <c r="BZ112" s="73">
        <v>8920</v>
      </c>
      <c r="CA112" s="25">
        <v>8938</v>
      </c>
      <c r="CB112" s="34">
        <v>18.399999999999999</v>
      </c>
      <c r="CC112" s="28">
        <v>18.3</v>
      </c>
      <c r="CD112" s="94">
        <v>48700</v>
      </c>
      <c r="CE112" s="25">
        <v>48936</v>
      </c>
      <c r="CF112" s="73">
        <v>9183</v>
      </c>
      <c r="CG112" s="25">
        <v>9203</v>
      </c>
      <c r="CH112" s="34">
        <v>18.899999999999999</v>
      </c>
      <c r="CI112" s="26">
        <v>18.8</v>
      </c>
      <c r="CJ112" s="27">
        <v>48817</v>
      </c>
      <c r="CK112" s="25">
        <v>49084</v>
      </c>
      <c r="CL112" s="25">
        <v>9464</v>
      </c>
      <c r="CM112" s="25">
        <v>9484</v>
      </c>
      <c r="CN112" s="34">
        <v>19.399999999999999</v>
      </c>
      <c r="CO112" s="28">
        <v>19.3</v>
      </c>
      <c r="CP112" s="24">
        <v>48914</v>
      </c>
      <c r="CQ112" s="25">
        <v>49256</v>
      </c>
      <c r="CR112" s="25">
        <v>9729</v>
      </c>
      <c r="CS112" s="25">
        <v>9754</v>
      </c>
      <c r="CT112" s="34">
        <v>19.899999999999999</v>
      </c>
      <c r="CU112" s="36">
        <v>19.8</v>
      </c>
      <c r="CV112" s="24">
        <v>49131</v>
      </c>
      <c r="CW112" s="25">
        <v>49517</v>
      </c>
      <c r="CX112" s="25">
        <v>9930</v>
      </c>
      <c r="CY112" s="25">
        <v>9954</v>
      </c>
      <c r="CZ112" s="34">
        <f t="shared" si="6"/>
        <v>20.2</v>
      </c>
      <c r="DA112" s="36">
        <f t="shared" si="7"/>
        <v>20.100000000000001</v>
      </c>
      <c r="DB112" s="24">
        <v>49355</v>
      </c>
      <c r="DC112" s="25">
        <v>49723</v>
      </c>
      <c r="DD112" s="25">
        <v>10064</v>
      </c>
      <c r="DE112" s="25">
        <v>10088</v>
      </c>
      <c r="DF112" s="34">
        <v>20.399999999999999</v>
      </c>
      <c r="DG112" s="36">
        <v>20.3</v>
      </c>
      <c r="DH112" s="24">
        <v>49272</v>
      </c>
      <c r="DI112" s="25">
        <v>49626</v>
      </c>
      <c r="DJ112" s="25">
        <v>10192</v>
      </c>
      <c r="DK112" s="25">
        <v>10213</v>
      </c>
      <c r="DL112" s="34">
        <f t="shared" si="8"/>
        <v>20.685176164961845</v>
      </c>
      <c r="DM112" s="36">
        <f t="shared" si="9"/>
        <v>20.579937935759482</v>
      </c>
      <c r="DN112" s="24">
        <v>49264</v>
      </c>
      <c r="DO112" s="25">
        <v>49676</v>
      </c>
      <c r="DP112" s="25">
        <v>10257</v>
      </c>
      <c r="DQ112" s="25">
        <v>10282</v>
      </c>
      <c r="DR112" s="34">
        <f t="shared" si="10"/>
        <v>20.820477427736279</v>
      </c>
      <c r="DS112" s="36">
        <f t="shared" si="11"/>
        <v>20.698123842499395</v>
      </c>
    </row>
    <row r="113" spans="1:123" x14ac:dyDescent="0.2">
      <c r="A113" s="175"/>
      <c r="B113" s="176"/>
      <c r="C113" s="122" t="s">
        <v>63</v>
      </c>
      <c r="D113" s="40">
        <v>40307</v>
      </c>
      <c r="E113" s="38">
        <v>4018</v>
      </c>
      <c r="F113" s="39">
        <v>10</v>
      </c>
      <c r="G113" s="40">
        <v>40829</v>
      </c>
      <c r="H113" s="38">
        <v>4298</v>
      </c>
      <c r="I113" s="41">
        <v>10.5</v>
      </c>
      <c r="J113" s="37">
        <v>41469</v>
      </c>
      <c r="K113" s="38">
        <v>4543</v>
      </c>
      <c r="L113" s="39">
        <v>11</v>
      </c>
      <c r="M113" s="40">
        <v>42111</v>
      </c>
      <c r="N113" s="38">
        <v>4860</v>
      </c>
      <c r="O113" s="41">
        <v>11.5</v>
      </c>
      <c r="P113" s="37">
        <v>42389</v>
      </c>
      <c r="Q113" s="38">
        <v>5184</v>
      </c>
      <c r="R113" s="39">
        <v>12.2</v>
      </c>
      <c r="S113" s="40">
        <v>42503</v>
      </c>
      <c r="T113" s="38">
        <v>5453</v>
      </c>
      <c r="U113" s="67">
        <v>12.8</v>
      </c>
      <c r="V113" s="37">
        <v>42727</v>
      </c>
      <c r="W113" s="38">
        <v>5822</v>
      </c>
      <c r="X113" s="68">
        <v>13.6</v>
      </c>
      <c r="Y113" s="40">
        <v>43103</v>
      </c>
      <c r="Z113" s="38">
        <v>6152</v>
      </c>
      <c r="AA113" s="67">
        <v>14.3</v>
      </c>
      <c r="AB113" s="37">
        <v>43458</v>
      </c>
      <c r="AC113" s="38">
        <v>6456</v>
      </c>
      <c r="AD113" s="68">
        <v>14.9</v>
      </c>
      <c r="AE113" s="40">
        <v>43821</v>
      </c>
      <c r="AF113" s="38">
        <v>6810</v>
      </c>
      <c r="AG113" s="67">
        <v>15.5</v>
      </c>
      <c r="AH113" s="37">
        <v>44031</v>
      </c>
      <c r="AI113" s="38">
        <v>7095</v>
      </c>
      <c r="AJ113" s="68">
        <v>16.100000000000001</v>
      </c>
      <c r="AK113" s="40">
        <v>44705</v>
      </c>
      <c r="AL113" s="38">
        <v>7463</v>
      </c>
      <c r="AM113" s="67">
        <v>16.7</v>
      </c>
      <c r="AN113" s="37">
        <v>44906</v>
      </c>
      <c r="AO113" s="38">
        <v>7882</v>
      </c>
      <c r="AP113" s="68">
        <v>17.600000000000001</v>
      </c>
      <c r="AQ113" s="40">
        <v>45077</v>
      </c>
      <c r="AR113" s="38">
        <v>8198</v>
      </c>
      <c r="AS113" s="67">
        <v>18.2</v>
      </c>
      <c r="AT113" s="37">
        <v>45410</v>
      </c>
      <c r="AU113" s="38">
        <v>8570</v>
      </c>
      <c r="AV113" s="68">
        <v>18.899999999999999</v>
      </c>
      <c r="AW113" s="40">
        <v>45666</v>
      </c>
      <c r="AX113" s="38">
        <v>8840</v>
      </c>
      <c r="AY113" s="41">
        <v>19.399999999999999</v>
      </c>
      <c r="AZ113" s="37">
        <v>46000</v>
      </c>
      <c r="BA113" s="38">
        <v>9087</v>
      </c>
      <c r="BB113" s="68">
        <v>19.8</v>
      </c>
      <c r="BC113" s="40">
        <v>46313</v>
      </c>
      <c r="BD113" s="38">
        <v>9360</v>
      </c>
      <c r="BE113" s="41">
        <v>20.2</v>
      </c>
      <c r="BF113" s="37">
        <v>46443</v>
      </c>
      <c r="BG113" s="38">
        <v>46684</v>
      </c>
      <c r="BH113" s="38">
        <v>9812</v>
      </c>
      <c r="BI113" s="38">
        <v>9840</v>
      </c>
      <c r="BJ113" s="69">
        <v>21.1</v>
      </c>
      <c r="BK113" s="39">
        <v>21.1</v>
      </c>
      <c r="BL113" s="40">
        <v>46628</v>
      </c>
      <c r="BM113" s="38">
        <v>46848</v>
      </c>
      <c r="BN113" s="38">
        <v>10145</v>
      </c>
      <c r="BO113" s="38">
        <v>10173</v>
      </c>
      <c r="BP113" s="47">
        <v>21.8</v>
      </c>
      <c r="BQ113" s="67">
        <v>21.7</v>
      </c>
      <c r="BR113" s="37">
        <v>46731</v>
      </c>
      <c r="BS113" s="38">
        <v>46961</v>
      </c>
      <c r="BT113" s="38">
        <v>10691</v>
      </c>
      <c r="BU113" s="38">
        <v>10721</v>
      </c>
      <c r="BV113" s="47">
        <v>22.9</v>
      </c>
      <c r="BW113" s="39">
        <v>22.8</v>
      </c>
      <c r="BX113" s="70">
        <v>46914</v>
      </c>
      <c r="BY113" s="38">
        <v>47179</v>
      </c>
      <c r="BZ113" s="74">
        <v>11128</v>
      </c>
      <c r="CA113" s="38">
        <v>11161</v>
      </c>
      <c r="CB113" s="47">
        <v>23.7</v>
      </c>
      <c r="CC113" s="41">
        <v>23.7</v>
      </c>
      <c r="CD113" s="95">
        <v>47202</v>
      </c>
      <c r="CE113" s="38">
        <v>47492</v>
      </c>
      <c r="CF113" s="74">
        <v>11504</v>
      </c>
      <c r="CG113" s="38">
        <v>11535</v>
      </c>
      <c r="CH113" s="47">
        <v>24.4</v>
      </c>
      <c r="CI113" s="39">
        <v>24.3</v>
      </c>
      <c r="CJ113" s="40">
        <v>47456</v>
      </c>
      <c r="CK113" s="38">
        <v>47757</v>
      </c>
      <c r="CL113" s="38">
        <v>11868</v>
      </c>
      <c r="CM113" s="38">
        <v>11896</v>
      </c>
      <c r="CN113" s="47">
        <v>25</v>
      </c>
      <c r="CO113" s="41">
        <v>24.9</v>
      </c>
      <c r="CP113" s="37">
        <v>47468</v>
      </c>
      <c r="CQ113" s="38">
        <v>47805</v>
      </c>
      <c r="CR113" s="38">
        <v>12159</v>
      </c>
      <c r="CS113" s="38">
        <v>12187</v>
      </c>
      <c r="CT113" s="47">
        <v>25.6</v>
      </c>
      <c r="CU113" s="49">
        <v>25.5</v>
      </c>
      <c r="CV113" s="37">
        <v>47620</v>
      </c>
      <c r="CW113" s="38">
        <v>48035</v>
      </c>
      <c r="CX113" s="38">
        <v>12385</v>
      </c>
      <c r="CY113" s="38">
        <v>12417</v>
      </c>
      <c r="CZ113" s="47">
        <f t="shared" si="6"/>
        <v>26</v>
      </c>
      <c r="DA113" s="49">
        <f t="shared" si="7"/>
        <v>25.8</v>
      </c>
      <c r="DB113" s="37">
        <v>47837</v>
      </c>
      <c r="DC113" s="38">
        <v>48219</v>
      </c>
      <c r="DD113" s="38">
        <v>12575</v>
      </c>
      <c r="DE113" s="38">
        <v>12608</v>
      </c>
      <c r="DF113" s="47">
        <v>26.3</v>
      </c>
      <c r="DG113" s="49">
        <v>26.1</v>
      </c>
      <c r="DH113" s="37">
        <v>47730</v>
      </c>
      <c r="DI113" s="38">
        <v>48090</v>
      </c>
      <c r="DJ113" s="38">
        <v>12749</v>
      </c>
      <c r="DK113" s="38">
        <v>12782</v>
      </c>
      <c r="DL113" s="47">
        <f t="shared" si="8"/>
        <v>26.710664152524615</v>
      </c>
      <c r="DM113" s="49">
        <f t="shared" si="9"/>
        <v>26.579330422125182</v>
      </c>
      <c r="DN113" s="37">
        <v>47586</v>
      </c>
      <c r="DO113" s="38">
        <v>47988</v>
      </c>
      <c r="DP113" s="38">
        <v>12843</v>
      </c>
      <c r="DQ113" s="38">
        <v>12875</v>
      </c>
      <c r="DR113" s="47">
        <f t="shared" si="10"/>
        <v>26.98903038708864</v>
      </c>
      <c r="DS113" s="49">
        <f t="shared" si="11"/>
        <v>26.829624072684837</v>
      </c>
    </row>
    <row r="114" spans="1:123" x14ac:dyDescent="0.2">
      <c r="A114" s="175" t="s">
        <v>48</v>
      </c>
      <c r="B114" s="176"/>
      <c r="C114" s="121" t="s">
        <v>61</v>
      </c>
      <c r="D114" s="53">
        <v>48533</v>
      </c>
      <c r="E114" s="51">
        <v>7313</v>
      </c>
      <c r="F114" s="52">
        <v>15.1</v>
      </c>
      <c r="G114" s="53">
        <v>47979</v>
      </c>
      <c r="H114" s="51">
        <v>7644</v>
      </c>
      <c r="I114" s="54">
        <v>15.9</v>
      </c>
      <c r="J114" s="50">
        <v>47940</v>
      </c>
      <c r="K114" s="51">
        <v>7904</v>
      </c>
      <c r="L114" s="52">
        <v>16.5</v>
      </c>
      <c r="M114" s="53">
        <v>47726</v>
      </c>
      <c r="N114" s="51">
        <v>8273</v>
      </c>
      <c r="O114" s="54">
        <v>17.3</v>
      </c>
      <c r="P114" s="50">
        <v>47498</v>
      </c>
      <c r="Q114" s="51">
        <v>8625</v>
      </c>
      <c r="R114" s="52">
        <v>18.2</v>
      </c>
      <c r="S114" s="53">
        <v>47395</v>
      </c>
      <c r="T114" s="51">
        <v>8923</v>
      </c>
      <c r="U114" s="58">
        <v>18.8</v>
      </c>
      <c r="V114" s="50">
        <v>46900</v>
      </c>
      <c r="W114" s="51">
        <v>9293</v>
      </c>
      <c r="X114" s="55">
        <v>19.8</v>
      </c>
      <c r="Y114" s="53">
        <v>46711</v>
      </c>
      <c r="Z114" s="51">
        <v>9591</v>
      </c>
      <c r="AA114" s="58">
        <v>20.5</v>
      </c>
      <c r="AB114" s="50">
        <v>46365</v>
      </c>
      <c r="AC114" s="51">
        <v>9920</v>
      </c>
      <c r="AD114" s="55">
        <v>21.4</v>
      </c>
      <c r="AE114" s="53">
        <v>45921</v>
      </c>
      <c r="AF114" s="51">
        <v>10226</v>
      </c>
      <c r="AG114" s="58">
        <v>22.3</v>
      </c>
      <c r="AH114" s="50">
        <v>45685</v>
      </c>
      <c r="AI114" s="51">
        <v>10513</v>
      </c>
      <c r="AJ114" s="55">
        <v>23</v>
      </c>
      <c r="AK114" s="53">
        <v>45226</v>
      </c>
      <c r="AL114" s="51">
        <v>10781</v>
      </c>
      <c r="AM114" s="58">
        <v>23.8</v>
      </c>
      <c r="AN114" s="50">
        <v>44831</v>
      </c>
      <c r="AO114" s="51">
        <v>11093</v>
      </c>
      <c r="AP114" s="55">
        <v>24.7</v>
      </c>
      <c r="AQ114" s="53">
        <v>44394</v>
      </c>
      <c r="AR114" s="51">
        <v>11395</v>
      </c>
      <c r="AS114" s="58">
        <v>25.7</v>
      </c>
      <c r="AT114" s="50">
        <v>44005</v>
      </c>
      <c r="AU114" s="51">
        <v>11667</v>
      </c>
      <c r="AV114" s="55">
        <v>26.5</v>
      </c>
      <c r="AW114" s="53">
        <v>43594</v>
      </c>
      <c r="AX114" s="51">
        <v>11774</v>
      </c>
      <c r="AY114" s="54">
        <v>27</v>
      </c>
      <c r="AZ114" s="50">
        <v>43281</v>
      </c>
      <c r="BA114" s="51">
        <v>11820</v>
      </c>
      <c r="BB114" s="55">
        <v>27.3</v>
      </c>
      <c r="BC114" s="53">
        <v>42815</v>
      </c>
      <c r="BD114" s="51">
        <v>12097</v>
      </c>
      <c r="BE114" s="54">
        <v>28.3</v>
      </c>
      <c r="BF114" s="50">
        <v>42216</v>
      </c>
      <c r="BG114" s="51">
        <v>42292</v>
      </c>
      <c r="BH114" s="51">
        <v>12438</v>
      </c>
      <c r="BI114" s="51">
        <v>12445</v>
      </c>
      <c r="BJ114" s="56">
        <v>29.5</v>
      </c>
      <c r="BK114" s="52">
        <v>29.4</v>
      </c>
      <c r="BL114" s="53">
        <v>42212</v>
      </c>
      <c r="BM114" s="51">
        <v>42294</v>
      </c>
      <c r="BN114" s="51">
        <v>12630</v>
      </c>
      <c r="BO114" s="51">
        <v>12637</v>
      </c>
      <c r="BP114" s="57">
        <v>29.9</v>
      </c>
      <c r="BQ114" s="58">
        <v>29.9</v>
      </c>
      <c r="BR114" s="50">
        <v>41844</v>
      </c>
      <c r="BS114" s="51">
        <v>41924</v>
      </c>
      <c r="BT114" s="51">
        <v>12998</v>
      </c>
      <c r="BU114" s="51">
        <v>13004</v>
      </c>
      <c r="BV114" s="57">
        <v>31.1</v>
      </c>
      <c r="BW114" s="52">
        <v>31</v>
      </c>
      <c r="BX114" s="59">
        <v>41487</v>
      </c>
      <c r="BY114" s="51">
        <v>41560</v>
      </c>
      <c r="BZ114" s="72">
        <v>13284</v>
      </c>
      <c r="CA114" s="51">
        <v>13290</v>
      </c>
      <c r="CB114" s="57">
        <v>32</v>
      </c>
      <c r="CC114" s="54">
        <v>32</v>
      </c>
      <c r="CD114" s="93">
        <v>41163</v>
      </c>
      <c r="CE114" s="51">
        <v>41241</v>
      </c>
      <c r="CF114" s="72">
        <v>13570</v>
      </c>
      <c r="CG114" s="51">
        <v>13577</v>
      </c>
      <c r="CH114" s="57">
        <v>33</v>
      </c>
      <c r="CI114" s="52">
        <v>32.9</v>
      </c>
      <c r="CJ114" s="53">
        <v>40756</v>
      </c>
      <c r="CK114" s="51">
        <v>40843</v>
      </c>
      <c r="CL114" s="51">
        <v>13707</v>
      </c>
      <c r="CM114" s="51">
        <v>13715</v>
      </c>
      <c r="CN114" s="57">
        <v>33.6</v>
      </c>
      <c r="CO114" s="54">
        <v>33.6</v>
      </c>
      <c r="CP114" s="50">
        <v>40252</v>
      </c>
      <c r="CQ114" s="51">
        <v>40365</v>
      </c>
      <c r="CR114" s="51">
        <v>13762</v>
      </c>
      <c r="CS114" s="51">
        <v>13771</v>
      </c>
      <c r="CT114" s="57">
        <v>34.200000000000003</v>
      </c>
      <c r="CU114" s="61">
        <v>34.1</v>
      </c>
      <c r="CV114" s="50">
        <v>39746</v>
      </c>
      <c r="CW114" s="51">
        <v>39861</v>
      </c>
      <c r="CX114" s="51">
        <v>13760</v>
      </c>
      <c r="CY114" s="51">
        <v>13769</v>
      </c>
      <c r="CZ114" s="21">
        <f t="shared" si="6"/>
        <v>34.6</v>
      </c>
      <c r="DA114" s="23">
        <f t="shared" si="7"/>
        <v>34.5</v>
      </c>
      <c r="DB114" s="50">
        <v>39157</v>
      </c>
      <c r="DC114" s="51">
        <v>39264</v>
      </c>
      <c r="DD114" s="51">
        <v>13764</v>
      </c>
      <c r="DE114" s="51">
        <v>13774</v>
      </c>
      <c r="DF114" s="21">
        <v>35.200000000000003</v>
      </c>
      <c r="DG114" s="23">
        <v>35.1</v>
      </c>
      <c r="DH114" s="50">
        <v>38671</v>
      </c>
      <c r="DI114" s="51">
        <v>38780</v>
      </c>
      <c r="DJ114" s="51">
        <v>13754</v>
      </c>
      <c r="DK114" s="51">
        <v>13764</v>
      </c>
      <c r="DL114" s="57">
        <f t="shared" si="8"/>
        <v>35.56670373147837</v>
      </c>
      <c r="DM114" s="23">
        <f t="shared" si="9"/>
        <v>35.492521918514697</v>
      </c>
      <c r="DN114" s="50">
        <v>37964</v>
      </c>
      <c r="DO114" s="51">
        <v>38062</v>
      </c>
      <c r="DP114" s="51">
        <v>13560</v>
      </c>
      <c r="DQ114" s="51">
        <v>13574</v>
      </c>
      <c r="DR114" s="57">
        <f t="shared" si="10"/>
        <v>35.718048677694661</v>
      </c>
      <c r="DS114" s="23">
        <f t="shared" si="11"/>
        <v>35.662865850454523</v>
      </c>
    </row>
    <row r="115" spans="1:123" x14ac:dyDescent="0.2">
      <c r="A115" s="175"/>
      <c r="B115" s="176"/>
      <c r="C115" s="123" t="s">
        <v>62</v>
      </c>
      <c r="D115" s="27">
        <v>23140</v>
      </c>
      <c r="E115" s="25">
        <v>3146</v>
      </c>
      <c r="F115" s="26">
        <v>13.6</v>
      </c>
      <c r="G115" s="27">
        <v>22841</v>
      </c>
      <c r="H115" s="25">
        <v>3287</v>
      </c>
      <c r="I115" s="28">
        <v>14.4</v>
      </c>
      <c r="J115" s="24">
        <v>22816</v>
      </c>
      <c r="K115" s="25">
        <v>3427</v>
      </c>
      <c r="L115" s="26">
        <v>15</v>
      </c>
      <c r="M115" s="27">
        <v>22756</v>
      </c>
      <c r="N115" s="25">
        <v>3594</v>
      </c>
      <c r="O115" s="28">
        <v>15.8</v>
      </c>
      <c r="P115" s="24">
        <v>22643</v>
      </c>
      <c r="Q115" s="25">
        <v>3767</v>
      </c>
      <c r="R115" s="26">
        <v>16.600000000000001</v>
      </c>
      <c r="S115" s="27">
        <v>22594</v>
      </c>
      <c r="T115" s="25">
        <v>3917</v>
      </c>
      <c r="U115" s="62">
        <v>17.3</v>
      </c>
      <c r="V115" s="24">
        <v>22351</v>
      </c>
      <c r="W115" s="25">
        <v>4054</v>
      </c>
      <c r="X115" s="63">
        <v>18.100000000000001</v>
      </c>
      <c r="Y115" s="27">
        <v>22234</v>
      </c>
      <c r="Z115" s="25">
        <v>4164</v>
      </c>
      <c r="AA115" s="62">
        <v>18.7</v>
      </c>
      <c r="AB115" s="24">
        <v>22088</v>
      </c>
      <c r="AC115" s="25">
        <v>4301</v>
      </c>
      <c r="AD115" s="63">
        <v>19.5</v>
      </c>
      <c r="AE115" s="27">
        <v>21834</v>
      </c>
      <c r="AF115" s="25">
        <v>4387</v>
      </c>
      <c r="AG115" s="62">
        <v>20.100000000000001</v>
      </c>
      <c r="AH115" s="24">
        <v>21750</v>
      </c>
      <c r="AI115" s="25">
        <v>4497</v>
      </c>
      <c r="AJ115" s="63">
        <v>20.7</v>
      </c>
      <c r="AK115" s="27">
        <v>21476</v>
      </c>
      <c r="AL115" s="25">
        <v>4582</v>
      </c>
      <c r="AM115" s="62">
        <v>21.3</v>
      </c>
      <c r="AN115" s="24">
        <v>21235</v>
      </c>
      <c r="AO115" s="25">
        <v>4734</v>
      </c>
      <c r="AP115" s="63">
        <v>22.3</v>
      </c>
      <c r="AQ115" s="27">
        <v>20977</v>
      </c>
      <c r="AR115" s="25">
        <v>4837</v>
      </c>
      <c r="AS115" s="62">
        <v>23.1</v>
      </c>
      <c r="AT115" s="24">
        <v>20736</v>
      </c>
      <c r="AU115" s="25">
        <v>4904</v>
      </c>
      <c r="AV115" s="63">
        <v>23.6</v>
      </c>
      <c r="AW115" s="27">
        <v>20598</v>
      </c>
      <c r="AX115" s="25">
        <v>4959</v>
      </c>
      <c r="AY115" s="28">
        <v>24.1</v>
      </c>
      <c r="AZ115" s="24">
        <v>20384</v>
      </c>
      <c r="BA115" s="25">
        <v>4950</v>
      </c>
      <c r="BB115" s="63">
        <v>24.3</v>
      </c>
      <c r="BC115" s="27">
        <v>20166</v>
      </c>
      <c r="BD115" s="25">
        <v>5040</v>
      </c>
      <c r="BE115" s="28">
        <v>25</v>
      </c>
      <c r="BF115" s="24">
        <v>19859</v>
      </c>
      <c r="BG115" s="25">
        <v>19892</v>
      </c>
      <c r="BH115" s="25">
        <v>5175</v>
      </c>
      <c r="BI115" s="25">
        <v>5179</v>
      </c>
      <c r="BJ115" s="64">
        <v>26.1</v>
      </c>
      <c r="BK115" s="26">
        <v>26</v>
      </c>
      <c r="BL115" s="27">
        <v>19929</v>
      </c>
      <c r="BM115" s="25">
        <v>19960</v>
      </c>
      <c r="BN115" s="25">
        <v>5279</v>
      </c>
      <c r="BO115" s="25">
        <v>5283</v>
      </c>
      <c r="BP115" s="34">
        <v>26.5</v>
      </c>
      <c r="BQ115" s="62">
        <v>26.5</v>
      </c>
      <c r="BR115" s="24">
        <v>19729</v>
      </c>
      <c r="BS115" s="25">
        <v>19759</v>
      </c>
      <c r="BT115" s="25">
        <v>5437</v>
      </c>
      <c r="BU115" s="25">
        <v>5440</v>
      </c>
      <c r="BV115" s="34">
        <v>27.6</v>
      </c>
      <c r="BW115" s="26">
        <v>27.5</v>
      </c>
      <c r="BX115" s="65">
        <v>19584</v>
      </c>
      <c r="BY115" s="25">
        <v>19617</v>
      </c>
      <c r="BZ115" s="73">
        <v>5539</v>
      </c>
      <c r="CA115" s="25">
        <v>5542</v>
      </c>
      <c r="CB115" s="34">
        <v>28.3</v>
      </c>
      <c r="CC115" s="28">
        <v>28.3</v>
      </c>
      <c r="CD115" s="94">
        <v>19466</v>
      </c>
      <c r="CE115" s="25">
        <v>19501</v>
      </c>
      <c r="CF115" s="73">
        <v>5647</v>
      </c>
      <c r="CG115" s="25">
        <v>5651</v>
      </c>
      <c r="CH115" s="34">
        <v>29</v>
      </c>
      <c r="CI115" s="26">
        <v>29</v>
      </c>
      <c r="CJ115" s="27">
        <v>19310</v>
      </c>
      <c r="CK115" s="25">
        <v>19349</v>
      </c>
      <c r="CL115" s="25">
        <v>5663</v>
      </c>
      <c r="CM115" s="25">
        <v>5667</v>
      </c>
      <c r="CN115" s="34">
        <v>29.3</v>
      </c>
      <c r="CO115" s="28">
        <v>29.3</v>
      </c>
      <c r="CP115" s="24">
        <v>19071</v>
      </c>
      <c r="CQ115" s="25">
        <v>19127</v>
      </c>
      <c r="CR115" s="25">
        <v>5655</v>
      </c>
      <c r="CS115" s="25">
        <v>5660</v>
      </c>
      <c r="CT115" s="34">
        <v>29.7</v>
      </c>
      <c r="CU115" s="36">
        <v>29.6</v>
      </c>
      <c r="CV115" s="24">
        <v>18885</v>
      </c>
      <c r="CW115" s="25">
        <v>18946</v>
      </c>
      <c r="CX115" s="25">
        <v>5620</v>
      </c>
      <c r="CY115" s="25">
        <v>5626</v>
      </c>
      <c r="CZ115" s="34">
        <f t="shared" si="6"/>
        <v>29.8</v>
      </c>
      <c r="DA115" s="36">
        <f t="shared" si="7"/>
        <v>29.7</v>
      </c>
      <c r="DB115" s="24">
        <v>18608</v>
      </c>
      <c r="DC115" s="25">
        <v>18667</v>
      </c>
      <c r="DD115" s="25">
        <v>5625</v>
      </c>
      <c r="DE115" s="25">
        <v>5631</v>
      </c>
      <c r="DF115" s="34">
        <v>30.2</v>
      </c>
      <c r="DG115" s="36">
        <v>30.2</v>
      </c>
      <c r="DH115" s="24">
        <v>18398</v>
      </c>
      <c r="DI115" s="25">
        <v>18459</v>
      </c>
      <c r="DJ115" s="25">
        <v>5629</v>
      </c>
      <c r="DK115" s="25">
        <v>5635</v>
      </c>
      <c r="DL115" s="34">
        <f t="shared" si="8"/>
        <v>30.595716925752797</v>
      </c>
      <c r="DM115" s="36">
        <f t="shared" si="9"/>
        <v>30.527114144861585</v>
      </c>
      <c r="DN115" s="24">
        <v>17988</v>
      </c>
      <c r="DO115" s="25">
        <v>18039</v>
      </c>
      <c r="DP115" s="25">
        <v>5534</v>
      </c>
      <c r="DQ115" s="25">
        <v>5541</v>
      </c>
      <c r="DR115" s="34">
        <f t="shared" si="10"/>
        <v>30.764954414053815</v>
      </c>
      <c r="DS115" s="36">
        <f t="shared" si="11"/>
        <v>30.716780309329785</v>
      </c>
    </row>
    <row r="116" spans="1:123" x14ac:dyDescent="0.2">
      <c r="A116" s="175"/>
      <c r="B116" s="176"/>
      <c r="C116" s="122" t="s">
        <v>63</v>
      </c>
      <c r="D116" s="40">
        <v>25393</v>
      </c>
      <c r="E116" s="38">
        <v>4167</v>
      </c>
      <c r="F116" s="39">
        <v>16.399999999999999</v>
      </c>
      <c r="G116" s="40">
        <v>25138</v>
      </c>
      <c r="H116" s="38">
        <v>4357</v>
      </c>
      <c r="I116" s="41">
        <v>17.3</v>
      </c>
      <c r="J116" s="37">
        <v>25124</v>
      </c>
      <c r="K116" s="38">
        <v>4477</v>
      </c>
      <c r="L116" s="39">
        <v>17.8</v>
      </c>
      <c r="M116" s="40">
        <v>24970</v>
      </c>
      <c r="N116" s="38">
        <v>4679</v>
      </c>
      <c r="O116" s="41">
        <v>18.7</v>
      </c>
      <c r="P116" s="37">
        <v>24855</v>
      </c>
      <c r="Q116" s="38">
        <v>4858</v>
      </c>
      <c r="R116" s="39">
        <v>19.5</v>
      </c>
      <c r="S116" s="40">
        <v>24801</v>
      </c>
      <c r="T116" s="38">
        <v>5006</v>
      </c>
      <c r="U116" s="67">
        <v>20.2</v>
      </c>
      <c r="V116" s="37">
        <v>24549</v>
      </c>
      <c r="W116" s="38">
        <v>5239</v>
      </c>
      <c r="X116" s="68">
        <v>21.3</v>
      </c>
      <c r="Y116" s="40">
        <v>24477</v>
      </c>
      <c r="Z116" s="38">
        <v>5427</v>
      </c>
      <c r="AA116" s="67">
        <v>22.2</v>
      </c>
      <c r="AB116" s="37">
        <v>24277</v>
      </c>
      <c r="AC116" s="38">
        <v>5619</v>
      </c>
      <c r="AD116" s="68">
        <v>23.1</v>
      </c>
      <c r="AE116" s="40">
        <v>24087</v>
      </c>
      <c r="AF116" s="38">
        <v>5839</v>
      </c>
      <c r="AG116" s="67">
        <v>24.2</v>
      </c>
      <c r="AH116" s="37">
        <v>23935</v>
      </c>
      <c r="AI116" s="38">
        <v>6016</v>
      </c>
      <c r="AJ116" s="68">
        <v>25.1</v>
      </c>
      <c r="AK116" s="40">
        <v>23750</v>
      </c>
      <c r="AL116" s="38">
        <v>6199</v>
      </c>
      <c r="AM116" s="67">
        <v>26.1</v>
      </c>
      <c r="AN116" s="37">
        <v>23596</v>
      </c>
      <c r="AO116" s="38">
        <v>6359</v>
      </c>
      <c r="AP116" s="68">
        <v>26.9</v>
      </c>
      <c r="AQ116" s="40">
        <v>23417</v>
      </c>
      <c r="AR116" s="38">
        <v>6558</v>
      </c>
      <c r="AS116" s="67">
        <v>28</v>
      </c>
      <c r="AT116" s="37">
        <v>23269</v>
      </c>
      <c r="AU116" s="38">
        <v>6763</v>
      </c>
      <c r="AV116" s="68">
        <v>29.1</v>
      </c>
      <c r="AW116" s="40">
        <v>22996</v>
      </c>
      <c r="AX116" s="38">
        <v>6815</v>
      </c>
      <c r="AY116" s="41">
        <v>29.6</v>
      </c>
      <c r="AZ116" s="37">
        <v>22897</v>
      </c>
      <c r="BA116" s="38">
        <v>6870</v>
      </c>
      <c r="BB116" s="68">
        <v>30</v>
      </c>
      <c r="BC116" s="40">
        <v>22649</v>
      </c>
      <c r="BD116" s="38">
        <v>7057</v>
      </c>
      <c r="BE116" s="41">
        <v>31.2</v>
      </c>
      <c r="BF116" s="37">
        <v>22357</v>
      </c>
      <c r="BG116" s="38">
        <v>22400</v>
      </c>
      <c r="BH116" s="38">
        <v>7263</v>
      </c>
      <c r="BI116" s="38">
        <v>7266</v>
      </c>
      <c r="BJ116" s="69">
        <v>32.5</v>
      </c>
      <c r="BK116" s="39">
        <v>32.4</v>
      </c>
      <c r="BL116" s="40">
        <v>22283</v>
      </c>
      <c r="BM116" s="38">
        <v>22334</v>
      </c>
      <c r="BN116" s="38">
        <v>7351</v>
      </c>
      <c r="BO116" s="38">
        <v>7354</v>
      </c>
      <c r="BP116" s="47">
        <v>33</v>
      </c>
      <c r="BQ116" s="67">
        <v>32.9</v>
      </c>
      <c r="BR116" s="37">
        <v>22115</v>
      </c>
      <c r="BS116" s="38">
        <v>22165</v>
      </c>
      <c r="BT116" s="38">
        <v>7561</v>
      </c>
      <c r="BU116" s="38">
        <v>7564</v>
      </c>
      <c r="BV116" s="47">
        <v>34.200000000000003</v>
      </c>
      <c r="BW116" s="39">
        <v>34.1</v>
      </c>
      <c r="BX116" s="70">
        <v>21903</v>
      </c>
      <c r="BY116" s="38">
        <v>21943</v>
      </c>
      <c r="BZ116" s="74">
        <v>7745</v>
      </c>
      <c r="CA116" s="38">
        <v>7748</v>
      </c>
      <c r="CB116" s="47">
        <v>35.4</v>
      </c>
      <c r="CC116" s="41">
        <v>35.299999999999997</v>
      </c>
      <c r="CD116" s="95">
        <v>21697</v>
      </c>
      <c r="CE116" s="38">
        <v>21740</v>
      </c>
      <c r="CF116" s="74">
        <v>7923</v>
      </c>
      <c r="CG116" s="38">
        <v>7926</v>
      </c>
      <c r="CH116" s="47">
        <v>36.5</v>
      </c>
      <c r="CI116" s="39">
        <v>36.5</v>
      </c>
      <c r="CJ116" s="40">
        <v>21446</v>
      </c>
      <c r="CK116" s="38">
        <v>21494</v>
      </c>
      <c r="CL116" s="38">
        <v>8044</v>
      </c>
      <c r="CM116" s="38">
        <v>8048</v>
      </c>
      <c r="CN116" s="47">
        <v>37.5</v>
      </c>
      <c r="CO116" s="41">
        <v>37.4</v>
      </c>
      <c r="CP116" s="37">
        <v>21181</v>
      </c>
      <c r="CQ116" s="38">
        <v>21238</v>
      </c>
      <c r="CR116" s="38">
        <v>8107</v>
      </c>
      <c r="CS116" s="38">
        <v>8111</v>
      </c>
      <c r="CT116" s="47">
        <v>38.299999999999997</v>
      </c>
      <c r="CU116" s="49">
        <v>38.200000000000003</v>
      </c>
      <c r="CV116" s="37">
        <v>20861</v>
      </c>
      <c r="CW116" s="38">
        <v>20915</v>
      </c>
      <c r="CX116" s="38">
        <v>8140</v>
      </c>
      <c r="CY116" s="38">
        <v>8143</v>
      </c>
      <c r="CZ116" s="47">
        <f t="shared" si="6"/>
        <v>39</v>
      </c>
      <c r="DA116" s="49">
        <f t="shared" si="7"/>
        <v>38.9</v>
      </c>
      <c r="DB116" s="37">
        <v>20549</v>
      </c>
      <c r="DC116" s="38">
        <v>20597</v>
      </c>
      <c r="DD116" s="38">
        <v>8139</v>
      </c>
      <c r="DE116" s="38">
        <v>8143</v>
      </c>
      <c r="DF116" s="47">
        <v>39.6</v>
      </c>
      <c r="DG116" s="49">
        <v>39.5</v>
      </c>
      <c r="DH116" s="37">
        <v>20273</v>
      </c>
      <c r="DI116" s="38">
        <v>20321</v>
      </c>
      <c r="DJ116" s="38">
        <v>8125</v>
      </c>
      <c r="DK116" s="38">
        <v>8129</v>
      </c>
      <c r="DL116" s="21">
        <f t="shared" si="8"/>
        <v>40.077936171262266</v>
      </c>
      <c r="DM116" s="49">
        <f t="shared" si="9"/>
        <v>40.002952610599877</v>
      </c>
      <c r="DN116" s="37">
        <v>19976</v>
      </c>
      <c r="DO116" s="38">
        <v>20023</v>
      </c>
      <c r="DP116" s="38">
        <v>8026</v>
      </c>
      <c r="DQ116" s="38">
        <v>8033</v>
      </c>
      <c r="DR116" s="21">
        <f t="shared" si="10"/>
        <v>40.178213856627956</v>
      </c>
      <c r="DS116" s="49">
        <f t="shared" si="11"/>
        <v>40.118863307196726</v>
      </c>
    </row>
    <row r="117" spans="1:123" x14ac:dyDescent="0.2">
      <c r="A117" s="175" t="s">
        <v>49</v>
      </c>
      <c r="B117" s="176"/>
      <c r="C117" s="121" t="s">
        <v>61</v>
      </c>
      <c r="D117" s="53">
        <v>21734</v>
      </c>
      <c r="E117" s="51">
        <v>4008</v>
      </c>
      <c r="F117" s="52">
        <v>18.399999999999999</v>
      </c>
      <c r="G117" s="53">
        <v>21740</v>
      </c>
      <c r="H117" s="51">
        <v>4235</v>
      </c>
      <c r="I117" s="54">
        <v>19.5</v>
      </c>
      <c r="J117" s="50">
        <v>21616</v>
      </c>
      <c r="K117" s="51">
        <v>4346</v>
      </c>
      <c r="L117" s="52">
        <v>20.100000000000001</v>
      </c>
      <c r="M117" s="53">
        <v>21464</v>
      </c>
      <c r="N117" s="51">
        <v>4518</v>
      </c>
      <c r="O117" s="54">
        <v>21</v>
      </c>
      <c r="P117" s="50">
        <v>21405</v>
      </c>
      <c r="Q117" s="51">
        <v>4659</v>
      </c>
      <c r="R117" s="52">
        <v>21.8</v>
      </c>
      <c r="S117" s="53">
        <v>21136</v>
      </c>
      <c r="T117" s="51">
        <v>4838</v>
      </c>
      <c r="U117" s="58">
        <v>22.9</v>
      </c>
      <c r="V117" s="50">
        <v>20847</v>
      </c>
      <c r="W117" s="51">
        <v>5028</v>
      </c>
      <c r="X117" s="55">
        <v>24.1</v>
      </c>
      <c r="Y117" s="53">
        <v>20709</v>
      </c>
      <c r="Z117" s="51">
        <v>5176</v>
      </c>
      <c r="AA117" s="58">
        <v>25</v>
      </c>
      <c r="AB117" s="50">
        <v>20571</v>
      </c>
      <c r="AC117" s="51">
        <v>5296</v>
      </c>
      <c r="AD117" s="55">
        <v>25.7</v>
      </c>
      <c r="AE117" s="53">
        <v>20362</v>
      </c>
      <c r="AF117" s="51">
        <v>5412</v>
      </c>
      <c r="AG117" s="58">
        <v>26.6</v>
      </c>
      <c r="AH117" s="50">
        <v>20175</v>
      </c>
      <c r="AI117" s="51">
        <v>5501</v>
      </c>
      <c r="AJ117" s="55">
        <v>27.3</v>
      </c>
      <c r="AK117" s="53">
        <v>20043</v>
      </c>
      <c r="AL117" s="51">
        <v>5614</v>
      </c>
      <c r="AM117" s="58">
        <v>28</v>
      </c>
      <c r="AN117" s="50">
        <v>19763</v>
      </c>
      <c r="AO117" s="51">
        <v>5738</v>
      </c>
      <c r="AP117" s="55">
        <v>29</v>
      </c>
      <c r="AQ117" s="53">
        <v>19562</v>
      </c>
      <c r="AR117" s="51">
        <v>5819</v>
      </c>
      <c r="AS117" s="58">
        <v>29.7</v>
      </c>
      <c r="AT117" s="50">
        <v>19349</v>
      </c>
      <c r="AU117" s="51">
        <v>5917</v>
      </c>
      <c r="AV117" s="55">
        <v>30.6</v>
      </c>
      <c r="AW117" s="53">
        <v>19150</v>
      </c>
      <c r="AX117" s="51">
        <v>5930</v>
      </c>
      <c r="AY117" s="54">
        <v>31</v>
      </c>
      <c r="AZ117" s="50">
        <v>18976</v>
      </c>
      <c r="BA117" s="51">
        <v>5940</v>
      </c>
      <c r="BB117" s="55">
        <v>31.3</v>
      </c>
      <c r="BC117" s="53">
        <v>18740</v>
      </c>
      <c r="BD117" s="51">
        <v>6012</v>
      </c>
      <c r="BE117" s="54">
        <v>32.1</v>
      </c>
      <c r="BF117" s="50">
        <v>18425</v>
      </c>
      <c r="BG117" s="51">
        <v>18444</v>
      </c>
      <c r="BH117" s="51">
        <v>6116</v>
      </c>
      <c r="BI117" s="51">
        <v>6116</v>
      </c>
      <c r="BJ117" s="56">
        <v>33.200000000000003</v>
      </c>
      <c r="BK117" s="52">
        <v>33.200000000000003</v>
      </c>
      <c r="BL117" s="53">
        <v>18416</v>
      </c>
      <c r="BM117" s="51">
        <v>18444</v>
      </c>
      <c r="BN117" s="51">
        <v>6170</v>
      </c>
      <c r="BO117" s="51">
        <v>6170</v>
      </c>
      <c r="BP117" s="57">
        <v>33.5</v>
      </c>
      <c r="BQ117" s="58">
        <v>33.5</v>
      </c>
      <c r="BR117" s="50">
        <v>18082</v>
      </c>
      <c r="BS117" s="51">
        <v>18112</v>
      </c>
      <c r="BT117" s="51">
        <v>6316</v>
      </c>
      <c r="BU117" s="51">
        <v>6316</v>
      </c>
      <c r="BV117" s="57">
        <v>34.9</v>
      </c>
      <c r="BW117" s="52">
        <v>34.9</v>
      </c>
      <c r="BX117" s="59">
        <v>17769</v>
      </c>
      <c r="BY117" s="51">
        <v>17792</v>
      </c>
      <c r="BZ117" s="72">
        <v>6388</v>
      </c>
      <c r="CA117" s="51">
        <v>6388</v>
      </c>
      <c r="CB117" s="57">
        <v>36</v>
      </c>
      <c r="CC117" s="54">
        <v>35.9</v>
      </c>
      <c r="CD117" s="93">
        <v>17542</v>
      </c>
      <c r="CE117" s="51">
        <v>17565</v>
      </c>
      <c r="CF117" s="72">
        <v>6417</v>
      </c>
      <c r="CG117" s="51">
        <v>6417</v>
      </c>
      <c r="CH117" s="57">
        <v>36.6</v>
      </c>
      <c r="CI117" s="52">
        <v>36.5</v>
      </c>
      <c r="CJ117" s="53">
        <v>17340</v>
      </c>
      <c r="CK117" s="51">
        <v>17364</v>
      </c>
      <c r="CL117" s="51">
        <v>6462</v>
      </c>
      <c r="CM117" s="51">
        <v>6462</v>
      </c>
      <c r="CN117" s="57">
        <v>37.299999999999997</v>
      </c>
      <c r="CO117" s="54">
        <v>37.200000000000003</v>
      </c>
      <c r="CP117" s="50">
        <v>17106</v>
      </c>
      <c r="CQ117" s="51">
        <v>17137</v>
      </c>
      <c r="CR117" s="51">
        <v>6466</v>
      </c>
      <c r="CS117" s="51">
        <v>6466</v>
      </c>
      <c r="CT117" s="57">
        <v>37.799999999999997</v>
      </c>
      <c r="CU117" s="61">
        <v>37.700000000000003</v>
      </c>
      <c r="CV117" s="50">
        <v>16815</v>
      </c>
      <c r="CW117" s="51">
        <v>16848</v>
      </c>
      <c r="CX117" s="51">
        <v>6504</v>
      </c>
      <c r="CY117" s="51">
        <v>6504</v>
      </c>
      <c r="CZ117" s="21">
        <f t="shared" si="6"/>
        <v>38.700000000000003</v>
      </c>
      <c r="DA117" s="23">
        <f t="shared" si="7"/>
        <v>38.6</v>
      </c>
      <c r="DB117" s="50">
        <v>16468</v>
      </c>
      <c r="DC117" s="51">
        <v>16505</v>
      </c>
      <c r="DD117" s="51">
        <v>6469</v>
      </c>
      <c r="DE117" s="51">
        <v>6469</v>
      </c>
      <c r="DF117" s="21">
        <v>39.299999999999997</v>
      </c>
      <c r="DG117" s="23">
        <v>39.200000000000003</v>
      </c>
      <c r="DH117" s="50">
        <v>16137</v>
      </c>
      <c r="DI117" s="51">
        <v>16169</v>
      </c>
      <c r="DJ117" s="51">
        <v>6411</v>
      </c>
      <c r="DK117" s="51">
        <v>6411</v>
      </c>
      <c r="DL117" s="57">
        <f t="shared" si="8"/>
        <v>39.728574084402304</v>
      </c>
      <c r="DM117" s="23">
        <f t="shared" si="9"/>
        <v>39.649947430267794</v>
      </c>
      <c r="DN117" s="50">
        <v>15869</v>
      </c>
      <c r="DO117" s="51">
        <v>15909</v>
      </c>
      <c r="DP117" s="51">
        <v>6378</v>
      </c>
      <c r="DQ117" s="51">
        <v>6378</v>
      </c>
      <c r="DR117" s="57">
        <f t="shared" si="10"/>
        <v>40.191568466822112</v>
      </c>
      <c r="DS117" s="23">
        <f t="shared" si="11"/>
        <v>40.090514802941726</v>
      </c>
    </row>
    <row r="118" spans="1:123" x14ac:dyDescent="0.2">
      <c r="A118" s="175"/>
      <c r="B118" s="176"/>
      <c r="C118" s="123" t="s">
        <v>62</v>
      </c>
      <c r="D118" s="27">
        <v>10325</v>
      </c>
      <c r="E118" s="25">
        <v>1735</v>
      </c>
      <c r="F118" s="26">
        <v>16.8</v>
      </c>
      <c r="G118" s="27">
        <v>10340</v>
      </c>
      <c r="H118" s="25">
        <v>1838</v>
      </c>
      <c r="I118" s="28">
        <v>17.8</v>
      </c>
      <c r="J118" s="24">
        <v>10279</v>
      </c>
      <c r="K118" s="25">
        <v>1904</v>
      </c>
      <c r="L118" s="26">
        <v>18.5</v>
      </c>
      <c r="M118" s="27">
        <v>10182</v>
      </c>
      <c r="N118" s="25">
        <v>1982</v>
      </c>
      <c r="O118" s="28">
        <v>19.5</v>
      </c>
      <c r="P118" s="24">
        <v>10143</v>
      </c>
      <c r="Q118" s="25">
        <v>2039</v>
      </c>
      <c r="R118" s="26">
        <v>20.100000000000001</v>
      </c>
      <c r="S118" s="27">
        <v>9989</v>
      </c>
      <c r="T118" s="25">
        <v>2117</v>
      </c>
      <c r="U118" s="62">
        <v>21.2</v>
      </c>
      <c r="V118" s="24">
        <v>9853</v>
      </c>
      <c r="W118" s="25">
        <v>2191</v>
      </c>
      <c r="X118" s="63">
        <v>22.2</v>
      </c>
      <c r="Y118" s="27">
        <v>9766</v>
      </c>
      <c r="Z118" s="25">
        <v>2239</v>
      </c>
      <c r="AA118" s="62">
        <v>22.9</v>
      </c>
      <c r="AB118" s="24">
        <v>9722</v>
      </c>
      <c r="AC118" s="25">
        <v>2303</v>
      </c>
      <c r="AD118" s="63">
        <v>23.7</v>
      </c>
      <c r="AE118" s="27">
        <v>9601</v>
      </c>
      <c r="AF118" s="25">
        <v>2348</v>
      </c>
      <c r="AG118" s="62">
        <v>24.5</v>
      </c>
      <c r="AH118" s="24">
        <v>9481</v>
      </c>
      <c r="AI118" s="25">
        <v>2351</v>
      </c>
      <c r="AJ118" s="63">
        <v>24.8</v>
      </c>
      <c r="AK118" s="27">
        <v>9406</v>
      </c>
      <c r="AL118" s="25">
        <v>2403</v>
      </c>
      <c r="AM118" s="62">
        <v>25.5</v>
      </c>
      <c r="AN118" s="24">
        <v>9245</v>
      </c>
      <c r="AO118" s="25">
        <v>2430</v>
      </c>
      <c r="AP118" s="63">
        <v>26.3</v>
      </c>
      <c r="AQ118" s="27">
        <v>9130</v>
      </c>
      <c r="AR118" s="25">
        <v>2447</v>
      </c>
      <c r="AS118" s="62">
        <v>26.8</v>
      </c>
      <c r="AT118" s="24">
        <v>9008</v>
      </c>
      <c r="AU118" s="25">
        <v>2468</v>
      </c>
      <c r="AV118" s="63">
        <v>27.4</v>
      </c>
      <c r="AW118" s="27">
        <v>8939</v>
      </c>
      <c r="AX118" s="25">
        <v>2472</v>
      </c>
      <c r="AY118" s="28">
        <v>27.7</v>
      </c>
      <c r="AZ118" s="24">
        <v>8853</v>
      </c>
      <c r="BA118" s="25">
        <v>2466</v>
      </c>
      <c r="BB118" s="63">
        <v>27.9</v>
      </c>
      <c r="BC118" s="27">
        <v>8737</v>
      </c>
      <c r="BD118" s="25">
        <v>2488</v>
      </c>
      <c r="BE118" s="28">
        <v>28.5</v>
      </c>
      <c r="BF118" s="24">
        <v>8562</v>
      </c>
      <c r="BG118" s="25">
        <v>8566</v>
      </c>
      <c r="BH118" s="25">
        <v>2518</v>
      </c>
      <c r="BI118" s="25">
        <v>2518</v>
      </c>
      <c r="BJ118" s="64">
        <v>29.4</v>
      </c>
      <c r="BK118" s="26">
        <v>29.4</v>
      </c>
      <c r="BL118" s="27">
        <v>8564</v>
      </c>
      <c r="BM118" s="25">
        <v>8576</v>
      </c>
      <c r="BN118" s="25">
        <v>2548</v>
      </c>
      <c r="BO118" s="25">
        <v>2548</v>
      </c>
      <c r="BP118" s="34">
        <v>29.8</v>
      </c>
      <c r="BQ118" s="62">
        <v>29.7</v>
      </c>
      <c r="BR118" s="24">
        <v>8407</v>
      </c>
      <c r="BS118" s="25">
        <v>8422</v>
      </c>
      <c r="BT118" s="25">
        <v>2630</v>
      </c>
      <c r="BU118" s="25">
        <v>2630</v>
      </c>
      <c r="BV118" s="34">
        <v>31.3</v>
      </c>
      <c r="BW118" s="26">
        <v>31.2</v>
      </c>
      <c r="BX118" s="65">
        <v>8235</v>
      </c>
      <c r="BY118" s="25">
        <v>8246</v>
      </c>
      <c r="BZ118" s="73">
        <v>2663</v>
      </c>
      <c r="CA118" s="25">
        <v>2663</v>
      </c>
      <c r="CB118" s="34">
        <v>32.299999999999997</v>
      </c>
      <c r="CC118" s="28">
        <v>32.299999999999997</v>
      </c>
      <c r="CD118" s="94">
        <v>8139</v>
      </c>
      <c r="CE118" s="25">
        <v>8151</v>
      </c>
      <c r="CF118" s="73">
        <v>2680</v>
      </c>
      <c r="CG118" s="25">
        <v>2680</v>
      </c>
      <c r="CH118" s="34">
        <v>32.9</v>
      </c>
      <c r="CI118" s="26">
        <v>32.9</v>
      </c>
      <c r="CJ118" s="27">
        <v>8050</v>
      </c>
      <c r="CK118" s="25">
        <v>8063</v>
      </c>
      <c r="CL118" s="25">
        <v>2695</v>
      </c>
      <c r="CM118" s="25">
        <v>2695</v>
      </c>
      <c r="CN118" s="34">
        <v>33.5</v>
      </c>
      <c r="CO118" s="28">
        <v>33.4</v>
      </c>
      <c r="CP118" s="24">
        <v>7949</v>
      </c>
      <c r="CQ118" s="25">
        <v>7964</v>
      </c>
      <c r="CR118" s="25">
        <v>2697</v>
      </c>
      <c r="CS118" s="25">
        <v>2697</v>
      </c>
      <c r="CT118" s="34">
        <v>33.9</v>
      </c>
      <c r="CU118" s="36">
        <v>33.9</v>
      </c>
      <c r="CV118" s="24">
        <v>7784</v>
      </c>
      <c r="CW118" s="25">
        <v>7803</v>
      </c>
      <c r="CX118" s="25">
        <v>2691</v>
      </c>
      <c r="CY118" s="25">
        <v>2691</v>
      </c>
      <c r="CZ118" s="34">
        <f t="shared" si="6"/>
        <v>34.6</v>
      </c>
      <c r="DA118" s="36">
        <f t="shared" si="7"/>
        <v>34.5</v>
      </c>
      <c r="DB118" s="24">
        <v>7588</v>
      </c>
      <c r="DC118" s="25">
        <v>7611</v>
      </c>
      <c r="DD118" s="25">
        <v>2660</v>
      </c>
      <c r="DE118" s="25">
        <v>2660</v>
      </c>
      <c r="DF118" s="34">
        <v>35.1</v>
      </c>
      <c r="DG118" s="36">
        <v>34.9</v>
      </c>
      <c r="DH118" s="24">
        <v>7438</v>
      </c>
      <c r="DI118" s="25">
        <v>7458</v>
      </c>
      <c r="DJ118" s="25">
        <v>2649</v>
      </c>
      <c r="DK118" s="25">
        <v>2649</v>
      </c>
      <c r="DL118" s="34">
        <f t="shared" si="8"/>
        <v>35.614412476472168</v>
      </c>
      <c r="DM118" s="36">
        <f t="shared" si="9"/>
        <v>35.518905872888176</v>
      </c>
      <c r="DN118" s="24">
        <v>7352</v>
      </c>
      <c r="DO118" s="25">
        <v>7376</v>
      </c>
      <c r="DP118" s="25">
        <v>2641</v>
      </c>
      <c r="DQ118" s="25">
        <v>2641</v>
      </c>
      <c r="DR118" s="34">
        <f t="shared" si="10"/>
        <v>35.92219804134929</v>
      </c>
      <c r="DS118" s="36">
        <f t="shared" si="11"/>
        <v>35.805314533622564</v>
      </c>
    </row>
    <row r="119" spans="1:123" x14ac:dyDescent="0.2">
      <c r="A119" s="175"/>
      <c r="B119" s="176"/>
      <c r="C119" s="122" t="s">
        <v>63</v>
      </c>
      <c r="D119" s="40">
        <v>11409</v>
      </c>
      <c r="E119" s="38">
        <v>2273</v>
      </c>
      <c r="F119" s="39">
        <v>19.899999999999999</v>
      </c>
      <c r="G119" s="40">
        <v>11400</v>
      </c>
      <c r="H119" s="38">
        <v>2397</v>
      </c>
      <c r="I119" s="41">
        <v>21</v>
      </c>
      <c r="J119" s="37">
        <v>11337</v>
      </c>
      <c r="K119" s="38">
        <v>2442</v>
      </c>
      <c r="L119" s="39">
        <v>21.5</v>
      </c>
      <c r="M119" s="40">
        <v>11282</v>
      </c>
      <c r="N119" s="38">
        <v>2536</v>
      </c>
      <c r="O119" s="41">
        <v>22.5</v>
      </c>
      <c r="P119" s="37">
        <v>11262</v>
      </c>
      <c r="Q119" s="38">
        <v>2620</v>
      </c>
      <c r="R119" s="39">
        <v>23.3</v>
      </c>
      <c r="S119" s="40">
        <v>11147</v>
      </c>
      <c r="T119" s="38">
        <v>2721</v>
      </c>
      <c r="U119" s="67">
        <v>24.4</v>
      </c>
      <c r="V119" s="37">
        <v>10994</v>
      </c>
      <c r="W119" s="38">
        <v>2837</v>
      </c>
      <c r="X119" s="68">
        <v>25.8</v>
      </c>
      <c r="Y119" s="40">
        <v>10943</v>
      </c>
      <c r="Z119" s="38">
        <v>2937</v>
      </c>
      <c r="AA119" s="67">
        <v>26.8</v>
      </c>
      <c r="AB119" s="37">
        <v>10849</v>
      </c>
      <c r="AC119" s="38">
        <v>2993</v>
      </c>
      <c r="AD119" s="68">
        <v>27.6</v>
      </c>
      <c r="AE119" s="40">
        <v>10761</v>
      </c>
      <c r="AF119" s="38">
        <v>3064</v>
      </c>
      <c r="AG119" s="67">
        <v>28.5</v>
      </c>
      <c r="AH119" s="37">
        <v>10694</v>
      </c>
      <c r="AI119" s="38">
        <v>3150</v>
      </c>
      <c r="AJ119" s="68">
        <v>29.5</v>
      </c>
      <c r="AK119" s="40">
        <v>10637</v>
      </c>
      <c r="AL119" s="38">
        <v>3211</v>
      </c>
      <c r="AM119" s="67">
        <v>30.2</v>
      </c>
      <c r="AN119" s="37">
        <v>10518</v>
      </c>
      <c r="AO119" s="38">
        <v>3308</v>
      </c>
      <c r="AP119" s="68">
        <v>31.5</v>
      </c>
      <c r="AQ119" s="40">
        <v>10432</v>
      </c>
      <c r="AR119" s="38">
        <v>3372</v>
      </c>
      <c r="AS119" s="67">
        <v>32.299999999999997</v>
      </c>
      <c r="AT119" s="37">
        <v>10341</v>
      </c>
      <c r="AU119" s="38">
        <v>3449</v>
      </c>
      <c r="AV119" s="68">
        <v>33.4</v>
      </c>
      <c r="AW119" s="40">
        <v>10211</v>
      </c>
      <c r="AX119" s="38">
        <v>3458</v>
      </c>
      <c r="AY119" s="41">
        <v>33.9</v>
      </c>
      <c r="AZ119" s="37">
        <v>10123</v>
      </c>
      <c r="BA119" s="38">
        <v>3474</v>
      </c>
      <c r="BB119" s="68">
        <v>34.299999999999997</v>
      </c>
      <c r="BC119" s="40">
        <v>10003</v>
      </c>
      <c r="BD119" s="38">
        <v>3524</v>
      </c>
      <c r="BE119" s="41">
        <v>35.200000000000003</v>
      </c>
      <c r="BF119" s="37">
        <v>9863</v>
      </c>
      <c r="BG119" s="38">
        <v>9878</v>
      </c>
      <c r="BH119" s="38">
        <v>3598</v>
      </c>
      <c r="BI119" s="38">
        <v>3598</v>
      </c>
      <c r="BJ119" s="69">
        <v>36.5</v>
      </c>
      <c r="BK119" s="39">
        <v>36.4</v>
      </c>
      <c r="BL119" s="40">
        <v>9852</v>
      </c>
      <c r="BM119" s="38">
        <v>9868</v>
      </c>
      <c r="BN119" s="38">
        <v>3622</v>
      </c>
      <c r="BO119" s="38">
        <v>3622</v>
      </c>
      <c r="BP119" s="47">
        <v>36.799999999999997</v>
      </c>
      <c r="BQ119" s="67">
        <v>36.700000000000003</v>
      </c>
      <c r="BR119" s="37">
        <v>9675</v>
      </c>
      <c r="BS119" s="38">
        <v>9690</v>
      </c>
      <c r="BT119" s="38">
        <v>3686</v>
      </c>
      <c r="BU119" s="38">
        <v>3686</v>
      </c>
      <c r="BV119" s="47">
        <v>38.1</v>
      </c>
      <c r="BW119" s="39">
        <v>38</v>
      </c>
      <c r="BX119" s="70">
        <v>9534</v>
      </c>
      <c r="BY119" s="38">
        <v>9546</v>
      </c>
      <c r="BZ119" s="74">
        <v>3725</v>
      </c>
      <c r="CA119" s="38">
        <v>3725</v>
      </c>
      <c r="CB119" s="47">
        <v>39.1</v>
      </c>
      <c r="CC119" s="41">
        <v>39</v>
      </c>
      <c r="CD119" s="95">
        <v>9403</v>
      </c>
      <c r="CE119" s="38">
        <v>9414</v>
      </c>
      <c r="CF119" s="74">
        <v>3737</v>
      </c>
      <c r="CG119" s="38">
        <v>3737</v>
      </c>
      <c r="CH119" s="47">
        <v>39.700000000000003</v>
      </c>
      <c r="CI119" s="39">
        <v>39.700000000000003</v>
      </c>
      <c r="CJ119" s="40">
        <v>9290</v>
      </c>
      <c r="CK119" s="38">
        <v>9301</v>
      </c>
      <c r="CL119" s="38">
        <v>3767</v>
      </c>
      <c r="CM119" s="38">
        <v>3767</v>
      </c>
      <c r="CN119" s="47">
        <v>40.5</v>
      </c>
      <c r="CO119" s="41">
        <v>40.5</v>
      </c>
      <c r="CP119" s="37">
        <v>9157</v>
      </c>
      <c r="CQ119" s="38">
        <v>9173</v>
      </c>
      <c r="CR119" s="38">
        <v>3769</v>
      </c>
      <c r="CS119" s="38">
        <v>3769</v>
      </c>
      <c r="CT119" s="47">
        <v>41.2</v>
      </c>
      <c r="CU119" s="49">
        <v>41.1</v>
      </c>
      <c r="CV119" s="37">
        <v>9031</v>
      </c>
      <c r="CW119" s="38">
        <v>9045</v>
      </c>
      <c r="CX119" s="38">
        <v>3813</v>
      </c>
      <c r="CY119" s="38">
        <v>3813</v>
      </c>
      <c r="CZ119" s="47">
        <f t="shared" si="6"/>
        <v>42.2</v>
      </c>
      <c r="DA119" s="49">
        <f t="shared" si="7"/>
        <v>42.2</v>
      </c>
      <c r="DB119" s="37">
        <v>8880</v>
      </c>
      <c r="DC119" s="38">
        <v>8894</v>
      </c>
      <c r="DD119" s="38">
        <v>3809</v>
      </c>
      <c r="DE119" s="38">
        <v>3809</v>
      </c>
      <c r="DF119" s="47">
        <v>42.9</v>
      </c>
      <c r="DG119" s="49">
        <v>42.8</v>
      </c>
      <c r="DH119" s="37">
        <v>8699</v>
      </c>
      <c r="DI119" s="38">
        <v>8711</v>
      </c>
      <c r="DJ119" s="38">
        <v>3762</v>
      </c>
      <c r="DK119" s="38">
        <v>3762</v>
      </c>
      <c r="DL119" s="21">
        <f t="shared" si="8"/>
        <v>43.24635015519025</v>
      </c>
      <c r="DM119" s="49">
        <f t="shared" si="9"/>
        <v>43.186775341522214</v>
      </c>
      <c r="DN119" s="37">
        <v>8517</v>
      </c>
      <c r="DO119" s="38">
        <v>8533</v>
      </c>
      <c r="DP119" s="38">
        <v>3737</v>
      </c>
      <c r="DQ119" s="38">
        <v>3737</v>
      </c>
      <c r="DR119" s="21">
        <f t="shared" si="10"/>
        <v>43.87695197839615</v>
      </c>
      <c r="DS119" s="49">
        <f t="shared" si="11"/>
        <v>43.794679479667174</v>
      </c>
    </row>
    <row r="120" spans="1:123" x14ac:dyDescent="0.2">
      <c r="A120" s="175" t="s">
        <v>50</v>
      </c>
      <c r="B120" s="176"/>
      <c r="C120" s="121" t="s">
        <v>61</v>
      </c>
      <c r="D120" s="53">
        <v>7347</v>
      </c>
      <c r="E120" s="51">
        <v>1829</v>
      </c>
      <c r="F120" s="52">
        <v>24.9</v>
      </c>
      <c r="G120" s="53">
        <v>6770</v>
      </c>
      <c r="H120" s="51">
        <v>1841</v>
      </c>
      <c r="I120" s="54">
        <v>27.2</v>
      </c>
      <c r="J120" s="50">
        <v>6606</v>
      </c>
      <c r="K120" s="51">
        <v>1856</v>
      </c>
      <c r="L120" s="52">
        <v>28.1</v>
      </c>
      <c r="M120" s="53">
        <v>6461</v>
      </c>
      <c r="N120" s="51">
        <v>1900</v>
      </c>
      <c r="O120" s="54">
        <v>29.4</v>
      </c>
      <c r="P120" s="50">
        <v>6282</v>
      </c>
      <c r="Q120" s="51">
        <v>1935</v>
      </c>
      <c r="R120" s="52">
        <v>30.8</v>
      </c>
      <c r="S120" s="53">
        <v>6178</v>
      </c>
      <c r="T120" s="51">
        <v>1949</v>
      </c>
      <c r="U120" s="58">
        <v>31.5</v>
      </c>
      <c r="V120" s="50">
        <v>6078</v>
      </c>
      <c r="W120" s="51">
        <v>1985</v>
      </c>
      <c r="X120" s="55">
        <v>32.700000000000003</v>
      </c>
      <c r="Y120" s="53">
        <v>5910</v>
      </c>
      <c r="Z120" s="51">
        <v>1979</v>
      </c>
      <c r="AA120" s="58">
        <v>33.5</v>
      </c>
      <c r="AB120" s="50">
        <v>5799</v>
      </c>
      <c r="AC120" s="51">
        <v>2002</v>
      </c>
      <c r="AD120" s="55">
        <v>34.5</v>
      </c>
      <c r="AE120" s="53">
        <v>5666</v>
      </c>
      <c r="AF120" s="51">
        <v>1988</v>
      </c>
      <c r="AG120" s="58">
        <v>35.1</v>
      </c>
      <c r="AH120" s="50">
        <v>5499</v>
      </c>
      <c r="AI120" s="51">
        <v>1971</v>
      </c>
      <c r="AJ120" s="55">
        <v>35.799999999999997</v>
      </c>
      <c r="AK120" s="53">
        <v>5321</v>
      </c>
      <c r="AL120" s="51">
        <v>1963</v>
      </c>
      <c r="AM120" s="58">
        <v>36.9</v>
      </c>
      <c r="AN120" s="50">
        <v>5118</v>
      </c>
      <c r="AO120" s="51">
        <v>1934</v>
      </c>
      <c r="AP120" s="55">
        <v>37.799999999999997</v>
      </c>
      <c r="AQ120" s="53">
        <v>4922</v>
      </c>
      <c r="AR120" s="51">
        <v>1892</v>
      </c>
      <c r="AS120" s="58">
        <v>38.4</v>
      </c>
      <c r="AT120" s="50">
        <v>4759</v>
      </c>
      <c r="AU120" s="51">
        <v>1886</v>
      </c>
      <c r="AV120" s="55">
        <v>39.6</v>
      </c>
      <c r="AW120" s="53">
        <v>4589</v>
      </c>
      <c r="AX120" s="51">
        <v>1867</v>
      </c>
      <c r="AY120" s="54">
        <v>40.700000000000003</v>
      </c>
      <c r="AZ120" s="50">
        <v>4425</v>
      </c>
      <c r="BA120" s="51">
        <v>1806</v>
      </c>
      <c r="BB120" s="55">
        <v>40.799999999999997</v>
      </c>
      <c r="BC120" s="53">
        <v>4259</v>
      </c>
      <c r="BD120" s="51">
        <v>1756</v>
      </c>
      <c r="BE120" s="54">
        <v>41.2</v>
      </c>
      <c r="BF120" s="50">
        <v>4110</v>
      </c>
      <c r="BG120" s="51">
        <v>4123</v>
      </c>
      <c r="BH120" s="51">
        <v>1740</v>
      </c>
      <c r="BI120" s="51">
        <v>1740</v>
      </c>
      <c r="BJ120" s="56">
        <v>42.3</v>
      </c>
      <c r="BK120" s="52">
        <v>42.2</v>
      </c>
      <c r="BL120" s="53">
        <v>4020</v>
      </c>
      <c r="BM120" s="51">
        <v>4033</v>
      </c>
      <c r="BN120" s="51">
        <v>1729</v>
      </c>
      <c r="BO120" s="51">
        <v>1729</v>
      </c>
      <c r="BP120" s="57">
        <v>43</v>
      </c>
      <c r="BQ120" s="58">
        <v>42.9</v>
      </c>
      <c r="BR120" s="50">
        <v>3823</v>
      </c>
      <c r="BS120" s="51">
        <v>3833</v>
      </c>
      <c r="BT120" s="51">
        <v>1715</v>
      </c>
      <c r="BU120" s="51">
        <v>1715</v>
      </c>
      <c r="BV120" s="57">
        <v>44.9</v>
      </c>
      <c r="BW120" s="52">
        <v>44.7</v>
      </c>
      <c r="BX120" s="59">
        <v>3660</v>
      </c>
      <c r="BY120" s="51">
        <v>3664</v>
      </c>
      <c r="BZ120" s="72">
        <v>1693</v>
      </c>
      <c r="CA120" s="51">
        <v>1693</v>
      </c>
      <c r="CB120" s="57">
        <v>46.3</v>
      </c>
      <c r="CC120" s="54">
        <v>46.2</v>
      </c>
      <c r="CD120" s="93">
        <v>3519</v>
      </c>
      <c r="CE120" s="51">
        <v>3524</v>
      </c>
      <c r="CF120" s="72">
        <v>1686</v>
      </c>
      <c r="CG120" s="51">
        <v>1686</v>
      </c>
      <c r="CH120" s="57">
        <v>47.9</v>
      </c>
      <c r="CI120" s="52">
        <v>47.8</v>
      </c>
      <c r="CJ120" s="53">
        <v>3403</v>
      </c>
      <c r="CK120" s="51">
        <v>3408</v>
      </c>
      <c r="CL120" s="51">
        <v>1688</v>
      </c>
      <c r="CM120" s="51">
        <v>1688</v>
      </c>
      <c r="CN120" s="57">
        <v>49.6</v>
      </c>
      <c r="CO120" s="54">
        <v>49.5</v>
      </c>
      <c r="CP120" s="50">
        <v>3271</v>
      </c>
      <c r="CQ120" s="51">
        <v>3275</v>
      </c>
      <c r="CR120" s="51">
        <v>1650</v>
      </c>
      <c r="CS120" s="51">
        <v>1650</v>
      </c>
      <c r="CT120" s="57">
        <v>50.4</v>
      </c>
      <c r="CU120" s="61">
        <v>50.4</v>
      </c>
      <c r="CV120" s="50">
        <v>3124</v>
      </c>
      <c r="CW120" s="51">
        <v>3130</v>
      </c>
      <c r="CX120" s="51">
        <v>1611</v>
      </c>
      <c r="CY120" s="51">
        <v>1611</v>
      </c>
      <c r="CZ120" s="21">
        <f t="shared" si="6"/>
        <v>51.6</v>
      </c>
      <c r="DA120" s="23">
        <f t="shared" si="7"/>
        <v>51.5</v>
      </c>
      <c r="DB120" s="50">
        <v>3009</v>
      </c>
      <c r="DC120" s="51">
        <v>3019</v>
      </c>
      <c r="DD120" s="51">
        <v>1582</v>
      </c>
      <c r="DE120" s="51">
        <v>1582</v>
      </c>
      <c r="DF120" s="21">
        <v>52.6</v>
      </c>
      <c r="DG120" s="23">
        <v>52.4</v>
      </c>
      <c r="DH120" s="50">
        <v>2907</v>
      </c>
      <c r="DI120" s="51">
        <v>2916</v>
      </c>
      <c r="DJ120" s="51">
        <v>1548</v>
      </c>
      <c r="DK120" s="51">
        <v>1548</v>
      </c>
      <c r="DL120" s="57">
        <f t="shared" si="8"/>
        <v>53.250773993808053</v>
      </c>
      <c r="DM120" s="23">
        <f t="shared" si="9"/>
        <v>53.086419753086425</v>
      </c>
      <c r="DN120" s="50">
        <v>2779</v>
      </c>
      <c r="DO120" s="51">
        <v>2790</v>
      </c>
      <c r="DP120" s="51">
        <v>1497</v>
      </c>
      <c r="DQ120" s="51">
        <v>1497</v>
      </c>
      <c r="DR120" s="57">
        <f t="shared" si="10"/>
        <v>53.868297948902487</v>
      </c>
      <c r="DS120" s="23">
        <f t="shared" si="11"/>
        <v>53.655913978494617</v>
      </c>
    </row>
    <row r="121" spans="1:123" x14ac:dyDescent="0.2">
      <c r="A121" s="175"/>
      <c r="B121" s="176"/>
      <c r="C121" s="123" t="s">
        <v>62</v>
      </c>
      <c r="D121" s="27">
        <v>3422</v>
      </c>
      <c r="E121" s="25">
        <v>758</v>
      </c>
      <c r="F121" s="26">
        <v>22.2</v>
      </c>
      <c r="G121" s="27">
        <v>3112</v>
      </c>
      <c r="H121" s="25">
        <v>757</v>
      </c>
      <c r="I121" s="28">
        <v>24.3</v>
      </c>
      <c r="J121" s="24">
        <v>3092</v>
      </c>
      <c r="K121" s="25">
        <v>755</v>
      </c>
      <c r="L121" s="26">
        <v>24.4</v>
      </c>
      <c r="M121" s="27">
        <v>3014</v>
      </c>
      <c r="N121" s="25">
        <v>774</v>
      </c>
      <c r="O121" s="28">
        <v>25.7</v>
      </c>
      <c r="P121" s="24">
        <v>2902</v>
      </c>
      <c r="Q121" s="25">
        <v>778</v>
      </c>
      <c r="R121" s="26">
        <v>26.8</v>
      </c>
      <c r="S121" s="27">
        <v>2848</v>
      </c>
      <c r="T121" s="25">
        <v>779</v>
      </c>
      <c r="U121" s="62">
        <v>27.4</v>
      </c>
      <c r="V121" s="24">
        <v>2785</v>
      </c>
      <c r="W121" s="25">
        <v>789</v>
      </c>
      <c r="X121" s="63">
        <v>28.3</v>
      </c>
      <c r="Y121" s="27">
        <v>2723</v>
      </c>
      <c r="Z121" s="25">
        <v>797</v>
      </c>
      <c r="AA121" s="62">
        <v>29.3</v>
      </c>
      <c r="AB121" s="24">
        <v>2674</v>
      </c>
      <c r="AC121" s="25">
        <v>800</v>
      </c>
      <c r="AD121" s="63">
        <v>29.9</v>
      </c>
      <c r="AE121" s="27">
        <v>2605</v>
      </c>
      <c r="AF121" s="25">
        <v>796</v>
      </c>
      <c r="AG121" s="62">
        <v>30.6</v>
      </c>
      <c r="AH121" s="24">
        <v>2507</v>
      </c>
      <c r="AI121" s="25">
        <v>780</v>
      </c>
      <c r="AJ121" s="63">
        <v>31.1</v>
      </c>
      <c r="AK121" s="27">
        <v>2418</v>
      </c>
      <c r="AL121" s="25">
        <v>766</v>
      </c>
      <c r="AM121" s="62">
        <v>31.7</v>
      </c>
      <c r="AN121" s="24">
        <v>2331</v>
      </c>
      <c r="AO121" s="25">
        <v>740</v>
      </c>
      <c r="AP121" s="63">
        <v>31.7</v>
      </c>
      <c r="AQ121" s="27">
        <v>2244</v>
      </c>
      <c r="AR121" s="25">
        <v>734</v>
      </c>
      <c r="AS121" s="62">
        <v>32.700000000000003</v>
      </c>
      <c r="AT121" s="24">
        <v>2171</v>
      </c>
      <c r="AU121" s="25">
        <v>720</v>
      </c>
      <c r="AV121" s="63">
        <v>33.200000000000003</v>
      </c>
      <c r="AW121" s="27">
        <v>2080</v>
      </c>
      <c r="AX121" s="25">
        <v>701</v>
      </c>
      <c r="AY121" s="28">
        <v>33.700000000000003</v>
      </c>
      <c r="AZ121" s="24">
        <v>2006</v>
      </c>
      <c r="BA121" s="25">
        <v>678</v>
      </c>
      <c r="BB121" s="63">
        <v>33.799999999999997</v>
      </c>
      <c r="BC121" s="27">
        <v>1942</v>
      </c>
      <c r="BD121" s="25">
        <v>668</v>
      </c>
      <c r="BE121" s="28">
        <v>34.4</v>
      </c>
      <c r="BF121" s="24">
        <v>1882</v>
      </c>
      <c r="BG121" s="25">
        <v>1883</v>
      </c>
      <c r="BH121" s="25">
        <v>669</v>
      </c>
      <c r="BI121" s="25">
        <v>669</v>
      </c>
      <c r="BJ121" s="64">
        <v>35.5</v>
      </c>
      <c r="BK121" s="26">
        <v>35.5</v>
      </c>
      <c r="BL121" s="27">
        <v>1840</v>
      </c>
      <c r="BM121" s="25">
        <v>1841</v>
      </c>
      <c r="BN121" s="25">
        <v>661</v>
      </c>
      <c r="BO121" s="25">
        <v>661</v>
      </c>
      <c r="BP121" s="34">
        <v>35.9</v>
      </c>
      <c r="BQ121" s="62">
        <v>35.9</v>
      </c>
      <c r="BR121" s="24">
        <v>1767</v>
      </c>
      <c r="BS121" s="25">
        <v>1768</v>
      </c>
      <c r="BT121" s="25">
        <v>676</v>
      </c>
      <c r="BU121" s="25">
        <v>676</v>
      </c>
      <c r="BV121" s="34">
        <v>38.299999999999997</v>
      </c>
      <c r="BW121" s="26">
        <v>38.200000000000003</v>
      </c>
      <c r="BX121" s="65">
        <v>1706</v>
      </c>
      <c r="BY121" s="25">
        <v>1707</v>
      </c>
      <c r="BZ121" s="73">
        <v>675</v>
      </c>
      <c r="CA121" s="25">
        <v>675</v>
      </c>
      <c r="CB121" s="34">
        <v>39.6</v>
      </c>
      <c r="CC121" s="28">
        <v>39.5</v>
      </c>
      <c r="CD121" s="94">
        <v>1630</v>
      </c>
      <c r="CE121" s="25">
        <v>1632</v>
      </c>
      <c r="CF121" s="73">
        <v>672</v>
      </c>
      <c r="CG121" s="25">
        <v>672</v>
      </c>
      <c r="CH121" s="34">
        <v>41.2</v>
      </c>
      <c r="CI121" s="26">
        <v>41.2</v>
      </c>
      <c r="CJ121" s="27">
        <v>1581</v>
      </c>
      <c r="CK121" s="25">
        <v>1582</v>
      </c>
      <c r="CL121" s="25">
        <v>682</v>
      </c>
      <c r="CM121" s="25">
        <v>682</v>
      </c>
      <c r="CN121" s="34">
        <v>43.1</v>
      </c>
      <c r="CO121" s="28">
        <v>43.1</v>
      </c>
      <c r="CP121" s="24">
        <v>1532</v>
      </c>
      <c r="CQ121" s="25">
        <v>1533</v>
      </c>
      <c r="CR121" s="25">
        <v>673</v>
      </c>
      <c r="CS121" s="25">
        <v>673</v>
      </c>
      <c r="CT121" s="34">
        <v>43.9</v>
      </c>
      <c r="CU121" s="36">
        <v>43.9</v>
      </c>
      <c r="CV121" s="24">
        <v>1471</v>
      </c>
      <c r="CW121" s="25">
        <v>1474</v>
      </c>
      <c r="CX121" s="25">
        <v>665</v>
      </c>
      <c r="CY121" s="25">
        <v>665</v>
      </c>
      <c r="CZ121" s="34">
        <f t="shared" si="6"/>
        <v>45.2</v>
      </c>
      <c r="DA121" s="36">
        <f t="shared" si="7"/>
        <v>45.1</v>
      </c>
      <c r="DB121" s="24">
        <v>1427</v>
      </c>
      <c r="DC121" s="25">
        <v>1432</v>
      </c>
      <c r="DD121" s="25">
        <v>664</v>
      </c>
      <c r="DE121" s="25">
        <v>664</v>
      </c>
      <c r="DF121" s="34">
        <v>46.5</v>
      </c>
      <c r="DG121" s="36">
        <v>46.4</v>
      </c>
      <c r="DH121" s="24">
        <v>1388</v>
      </c>
      <c r="DI121" s="25">
        <v>1392</v>
      </c>
      <c r="DJ121" s="25">
        <v>648</v>
      </c>
      <c r="DK121" s="25">
        <v>648</v>
      </c>
      <c r="DL121" s="34">
        <f t="shared" si="8"/>
        <v>46.685878962536023</v>
      </c>
      <c r="DM121" s="36">
        <f t="shared" si="9"/>
        <v>46.551724137931032</v>
      </c>
      <c r="DN121" s="24">
        <v>1327</v>
      </c>
      <c r="DO121" s="25">
        <v>1331</v>
      </c>
      <c r="DP121" s="25">
        <v>627</v>
      </c>
      <c r="DQ121" s="25">
        <v>627</v>
      </c>
      <c r="DR121" s="34">
        <f t="shared" si="10"/>
        <v>47.249434815373021</v>
      </c>
      <c r="DS121" s="36">
        <f t="shared" si="11"/>
        <v>47.107438016528924</v>
      </c>
    </row>
    <row r="122" spans="1:123" x14ac:dyDescent="0.2">
      <c r="A122" s="175"/>
      <c r="B122" s="176"/>
      <c r="C122" s="122" t="s">
        <v>63</v>
      </c>
      <c r="D122" s="40">
        <v>3925</v>
      </c>
      <c r="E122" s="38">
        <v>1071</v>
      </c>
      <c r="F122" s="39">
        <v>27.3</v>
      </c>
      <c r="G122" s="40">
        <v>3658</v>
      </c>
      <c r="H122" s="38">
        <v>1084</v>
      </c>
      <c r="I122" s="41">
        <v>29.6</v>
      </c>
      <c r="J122" s="37">
        <v>3514</v>
      </c>
      <c r="K122" s="38">
        <v>1101</v>
      </c>
      <c r="L122" s="39">
        <v>31.3</v>
      </c>
      <c r="M122" s="40">
        <v>3447</v>
      </c>
      <c r="N122" s="38">
        <v>1126</v>
      </c>
      <c r="O122" s="41">
        <v>32.700000000000003</v>
      </c>
      <c r="P122" s="37">
        <v>3380</v>
      </c>
      <c r="Q122" s="38">
        <v>1157</v>
      </c>
      <c r="R122" s="39">
        <v>34.200000000000003</v>
      </c>
      <c r="S122" s="40">
        <v>3330</v>
      </c>
      <c r="T122" s="38">
        <v>1170</v>
      </c>
      <c r="U122" s="67">
        <v>35.1</v>
      </c>
      <c r="V122" s="37">
        <v>3293</v>
      </c>
      <c r="W122" s="38">
        <v>1196</v>
      </c>
      <c r="X122" s="68">
        <v>36.299999999999997</v>
      </c>
      <c r="Y122" s="40">
        <v>3187</v>
      </c>
      <c r="Z122" s="38">
        <v>1182</v>
      </c>
      <c r="AA122" s="67">
        <v>37.1</v>
      </c>
      <c r="AB122" s="37">
        <v>3125</v>
      </c>
      <c r="AC122" s="38">
        <v>1202</v>
      </c>
      <c r="AD122" s="68">
        <v>38.5</v>
      </c>
      <c r="AE122" s="40">
        <v>3061</v>
      </c>
      <c r="AF122" s="38">
        <v>1192</v>
      </c>
      <c r="AG122" s="67">
        <v>38.9</v>
      </c>
      <c r="AH122" s="37">
        <v>2992</v>
      </c>
      <c r="AI122" s="38">
        <v>1191</v>
      </c>
      <c r="AJ122" s="68">
        <v>39.799999999999997</v>
      </c>
      <c r="AK122" s="40">
        <v>2903</v>
      </c>
      <c r="AL122" s="38">
        <v>1197</v>
      </c>
      <c r="AM122" s="67">
        <v>41.2</v>
      </c>
      <c r="AN122" s="37">
        <v>2787</v>
      </c>
      <c r="AO122" s="38">
        <v>1194</v>
      </c>
      <c r="AP122" s="68">
        <v>42.8</v>
      </c>
      <c r="AQ122" s="40">
        <v>2678</v>
      </c>
      <c r="AR122" s="38">
        <v>1158</v>
      </c>
      <c r="AS122" s="67">
        <v>43.2</v>
      </c>
      <c r="AT122" s="37">
        <v>2588</v>
      </c>
      <c r="AU122" s="38">
        <v>1166</v>
      </c>
      <c r="AV122" s="68">
        <v>45.1</v>
      </c>
      <c r="AW122" s="40">
        <v>2509</v>
      </c>
      <c r="AX122" s="38">
        <v>1166</v>
      </c>
      <c r="AY122" s="41">
        <v>46.5</v>
      </c>
      <c r="AZ122" s="37">
        <v>2419</v>
      </c>
      <c r="BA122" s="38">
        <v>1128</v>
      </c>
      <c r="BB122" s="68">
        <v>46.6</v>
      </c>
      <c r="BC122" s="40">
        <v>2317</v>
      </c>
      <c r="BD122" s="38">
        <v>1088</v>
      </c>
      <c r="BE122" s="41">
        <v>47</v>
      </c>
      <c r="BF122" s="37">
        <v>2228</v>
      </c>
      <c r="BG122" s="38">
        <v>2240</v>
      </c>
      <c r="BH122" s="38">
        <v>1071</v>
      </c>
      <c r="BI122" s="38">
        <v>1071</v>
      </c>
      <c r="BJ122" s="69">
        <v>48.1</v>
      </c>
      <c r="BK122" s="39">
        <v>47.8</v>
      </c>
      <c r="BL122" s="40">
        <v>2180</v>
      </c>
      <c r="BM122" s="38">
        <v>2192</v>
      </c>
      <c r="BN122" s="38">
        <v>1068</v>
      </c>
      <c r="BO122" s="38">
        <v>1068</v>
      </c>
      <c r="BP122" s="47">
        <v>49</v>
      </c>
      <c r="BQ122" s="67">
        <v>48.7</v>
      </c>
      <c r="BR122" s="37">
        <v>2056</v>
      </c>
      <c r="BS122" s="38">
        <v>2065</v>
      </c>
      <c r="BT122" s="38">
        <v>1039</v>
      </c>
      <c r="BU122" s="38">
        <v>1039</v>
      </c>
      <c r="BV122" s="47">
        <v>50.5</v>
      </c>
      <c r="BW122" s="39">
        <v>50.3</v>
      </c>
      <c r="BX122" s="70">
        <v>1954</v>
      </c>
      <c r="BY122" s="38">
        <v>1957</v>
      </c>
      <c r="BZ122" s="74">
        <v>1018</v>
      </c>
      <c r="CA122" s="38">
        <v>1018</v>
      </c>
      <c r="CB122" s="47">
        <v>52.1</v>
      </c>
      <c r="CC122" s="41">
        <v>52</v>
      </c>
      <c r="CD122" s="95">
        <v>1889</v>
      </c>
      <c r="CE122" s="38">
        <v>1892</v>
      </c>
      <c r="CF122" s="74">
        <v>1014</v>
      </c>
      <c r="CG122" s="38">
        <v>1014</v>
      </c>
      <c r="CH122" s="47">
        <v>53.7</v>
      </c>
      <c r="CI122" s="39">
        <v>53.6</v>
      </c>
      <c r="CJ122" s="40">
        <v>1822</v>
      </c>
      <c r="CK122" s="38">
        <v>1826</v>
      </c>
      <c r="CL122" s="38">
        <v>1006</v>
      </c>
      <c r="CM122" s="38">
        <v>1006</v>
      </c>
      <c r="CN122" s="47">
        <v>55.2</v>
      </c>
      <c r="CO122" s="41">
        <v>55.1</v>
      </c>
      <c r="CP122" s="37">
        <v>1739</v>
      </c>
      <c r="CQ122" s="38">
        <v>1742</v>
      </c>
      <c r="CR122" s="38">
        <v>977</v>
      </c>
      <c r="CS122" s="38">
        <v>977</v>
      </c>
      <c r="CT122" s="47">
        <v>56.2</v>
      </c>
      <c r="CU122" s="49">
        <v>56.1</v>
      </c>
      <c r="CV122" s="37">
        <v>1653</v>
      </c>
      <c r="CW122" s="38">
        <v>1656</v>
      </c>
      <c r="CX122" s="38">
        <v>946</v>
      </c>
      <c r="CY122" s="38">
        <v>946</v>
      </c>
      <c r="CZ122" s="47">
        <f t="shared" si="6"/>
        <v>57.2</v>
      </c>
      <c r="DA122" s="49">
        <f t="shared" si="7"/>
        <v>57.1</v>
      </c>
      <c r="DB122" s="37">
        <v>1582</v>
      </c>
      <c r="DC122" s="38">
        <v>1587</v>
      </c>
      <c r="DD122" s="38">
        <v>918</v>
      </c>
      <c r="DE122" s="38">
        <v>918</v>
      </c>
      <c r="DF122" s="47">
        <v>58</v>
      </c>
      <c r="DG122" s="49">
        <v>57.8</v>
      </c>
      <c r="DH122" s="37">
        <v>1519</v>
      </c>
      <c r="DI122" s="38">
        <v>1524</v>
      </c>
      <c r="DJ122" s="38">
        <v>900</v>
      </c>
      <c r="DK122" s="38">
        <v>900</v>
      </c>
      <c r="DL122" s="21">
        <f t="shared" si="8"/>
        <v>59.24950625411455</v>
      </c>
      <c r="DM122" s="23">
        <f t="shared" si="9"/>
        <v>59.055118110236215</v>
      </c>
      <c r="DN122" s="37">
        <v>1452</v>
      </c>
      <c r="DO122" s="38">
        <v>1459</v>
      </c>
      <c r="DP122" s="38">
        <v>870</v>
      </c>
      <c r="DQ122" s="38">
        <v>870</v>
      </c>
      <c r="DR122" s="21">
        <f t="shared" si="10"/>
        <v>59.917355371900825</v>
      </c>
      <c r="DS122" s="23">
        <f t="shared" si="11"/>
        <v>59.629883481836877</v>
      </c>
    </row>
    <row r="123" spans="1:123" x14ac:dyDescent="0.2">
      <c r="A123" s="175" t="s">
        <v>51</v>
      </c>
      <c r="B123" s="176"/>
      <c r="C123" s="121" t="s">
        <v>61</v>
      </c>
      <c r="D123" s="53">
        <v>28478</v>
      </c>
      <c r="E123" s="51">
        <v>5759</v>
      </c>
      <c r="F123" s="52">
        <v>20.2</v>
      </c>
      <c r="G123" s="53">
        <v>28246</v>
      </c>
      <c r="H123" s="51">
        <v>5965</v>
      </c>
      <c r="I123" s="54">
        <v>21.1</v>
      </c>
      <c r="J123" s="50">
        <v>27879</v>
      </c>
      <c r="K123" s="51">
        <v>6117</v>
      </c>
      <c r="L123" s="52">
        <v>21.9</v>
      </c>
      <c r="M123" s="53">
        <v>27597</v>
      </c>
      <c r="N123" s="51">
        <v>6374</v>
      </c>
      <c r="O123" s="54">
        <v>23.1</v>
      </c>
      <c r="P123" s="50">
        <v>27403</v>
      </c>
      <c r="Q123" s="51">
        <v>6520</v>
      </c>
      <c r="R123" s="52">
        <v>23.8</v>
      </c>
      <c r="S123" s="53">
        <v>27186</v>
      </c>
      <c r="T123" s="51">
        <v>6714</v>
      </c>
      <c r="U123" s="58">
        <v>24.7</v>
      </c>
      <c r="V123" s="50">
        <v>26921</v>
      </c>
      <c r="W123" s="51">
        <v>6908</v>
      </c>
      <c r="X123" s="55">
        <v>25.7</v>
      </c>
      <c r="Y123" s="53">
        <v>26661</v>
      </c>
      <c r="Z123" s="51">
        <v>7066</v>
      </c>
      <c r="AA123" s="58">
        <v>26.5</v>
      </c>
      <c r="AB123" s="50">
        <v>26265</v>
      </c>
      <c r="AC123" s="51">
        <v>7218</v>
      </c>
      <c r="AD123" s="55">
        <v>27.5</v>
      </c>
      <c r="AE123" s="53">
        <v>26045</v>
      </c>
      <c r="AF123" s="51">
        <v>7366</v>
      </c>
      <c r="AG123" s="58">
        <v>28.3</v>
      </c>
      <c r="AH123" s="50">
        <v>25780</v>
      </c>
      <c r="AI123" s="51">
        <v>7483</v>
      </c>
      <c r="AJ123" s="55">
        <v>29</v>
      </c>
      <c r="AK123" s="53">
        <v>25437</v>
      </c>
      <c r="AL123" s="51">
        <v>7615</v>
      </c>
      <c r="AM123" s="58">
        <v>29.9</v>
      </c>
      <c r="AN123" s="50">
        <v>24956</v>
      </c>
      <c r="AO123" s="51">
        <v>7778</v>
      </c>
      <c r="AP123" s="55">
        <v>31.2</v>
      </c>
      <c r="AQ123" s="53">
        <v>24571</v>
      </c>
      <c r="AR123" s="51">
        <v>7945</v>
      </c>
      <c r="AS123" s="58">
        <v>32.299999999999997</v>
      </c>
      <c r="AT123" s="50">
        <v>24220</v>
      </c>
      <c r="AU123" s="51">
        <v>8011</v>
      </c>
      <c r="AV123" s="55">
        <v>33.1</v>
      </c>
      <c r="AW123" s="53">
        <v>23858</v>
      </c>
      <c r="AX123" s="51">
        <v>8046</v>
      </c>
      <c r="AY123" s="54">
        <v>33.700000000000003</v>
      </c>
      <c r="AZ123" s="50">
        <v>23538</v>
      </c>
      <c r="BA123" s="51">
        <v>8059</v>
      </c>
      <c r="BB123" s="55">
        <v>34.200000000000003</v>
      </c>
      <c r="BC123" s="53">
        <v>23215</v>
      </c>
      <c r="BD123" s="51">
        <v>8154</v>
      </c>
      <c r="BE123" s="54">
        <v>35.1</v>
      </c>
      <c r="BF123" s="50">
        <v>22788</v>
      </c>
      <c r="BG123" s="51">
        <v>22847</v>
      </c>
      <c r="BH123" s="51">
        <v>8227</v>
      </c>
      <c r="BI123" s="51">
        <v>8234</v>
      </c>
      <c r="BJ123" s="56">
        <v>36.1</v>
      </c>
      <c r="BK123" s="52">
        <v>36</v>
      </c>
      <c r="BL123" s="53">
        <v>22648</v>
      </c>
      <c r="BM123" s="51">
        <v>22705</v>
      </c>
      <c r="BN123" s="51">
        <v>8270</v>
      </c>
      <c r="BO123" s="51">
        <v>8277</v>
      </c>
      <c r="BP123" s="57">
        <v>36.5</v>
      </c>
      <c r="BQ123" s="58">
        <v>36.5</v>
      </c>
      <c r="BR123" s="50">
        <v>22225</v>
      </c>
      <c r="BS123" s="51">
        <v>22278</v>
      </c>
      <c r="BT123" s="51">
        <v>8353</v>
      </c>
      <c r="BU123" s="51">
        <v>8362</v>
      </c>
      <c r="BV123" s="57">
        <v>37.6</v>
      </c>
      <c r="BW123" s="52">
        <v>37.5</v>
      </c>
      <c r="BX123" s="59">
        <v>21847</v>
      </c>
      <c r="BY123" s="51">
        <v>21911</v>
      </c>
      <c r="BZ123" s="72">
        <v>8405</v>
      </c>
      <c r="CA123" s="51">
        <v>8416</v>
      </c>
      <c r="CB123" s="57">
        <v>38.5</v>
      </c>
      <c r="CC123" s="54">
        <v>38.4</v>
      </c>
      <c r="CD123" s="93">
        <v>21525</v>
      </c>
      <c r="CE123" s="51">
        <v>21597</v>
      </c>
      <c r="CF123" s="72">
        <v>8480</v>
      </c>
      <c r="CG123" s="51">
        <v>8492</v>
      </c>
      <c r="CH123" s="57">
        <v>39.4</v>
      </c>
      <c r="CI123" s="52">
        <v>39.299999999999997</v>
      </c>
      <c r="CJ123" s="53">
        <v>21156</v>
      </c>
      <c r="CK123" s="51">
        <v>21237</v>
      </c>
      <c r="CL123" s="51">
        <v>8520</v>
      </c>
      <c r="CM123" s="51">
        <v>8532</v>
      </c>
      <c r="CN123" s="57">
        <v>40.299999999999997</v>
      </c>
      <c r="CO123" s="54">
        <v>40.200000000000003</v>
      </c>
      <c r="CP123" s="50">
        <v>20713</v>
      </c>
      <c r="CQ123" s="51">
        <v>20804</v>
      </c>
      <c r="CR123" s="51">
        <v>8489</v>
      </c>
      <c r="CS123" s="51">
        <v>8499</v>
      </c>
      <c r="CT123" s="57">
        <v>41</v>
      </c>
      <c r="CU123" s="61">
        <v>40.9</v>
      </c>
      <c r="CV123" s="50">
        <v>20314</v>
      </c>
      <c r="CW123" s="51">
        <v>20422</v>
      </c>
      <c r="CX123" s="51">
        <v>8429</v>
      </c>
      <c r="CY123" s="51">
        <v>8438</v>
      </c>
      <c r="CZ123" s="21">
        <f t="shared" si="6"/>
        <v>41.5</v>
      </c>
      <c r="DA123" s="23">
        <f t="shared" si="7"/>
        <v>41.3</v>
      </c>
      <c r="DB123" s="50">
        <v>19955</v>
      </c>
      <c r="DC123" s="51">
        <v>20085</v>
      </c>
      <c r="DD123" s="51">
        <v>8374</v>
      </c>
      <c r="DE123" s="51">
        <v>8384</v>
      </c>
      <c r="DF123" s="21">
        <v>42</v>
      </c>
      <c r="DG123" s="23">
        <v>41.7</v>
      </c>
      <c r="DH123" s="50">
        <v>19540</v>
      </c>
      <c r="DI123" s="51">
        <v>19658</v>
      </c>
      <c r="DJ123" s="51">
        <v>8346</v>
      </c>
      <c r="DK123" s="51">
        <v>8356</v>
      </c>
      <c r="DL123" s="57">
        <f t="shared" si="8"/>
        <v>42.712384851586485</v>
      </c>
      <c r="DM123" s="61">
        <f t="shared" si="9"/>
        <v>42.506867433106116</v>
      </c>
      <c r="DN123" s="50">
        <v>19054</v>
      </c>
      <c r="DO123" s="51">
        <v>19161</v>
      </c>
      <c r="DP123" s="51">
        <v>8242</v>
      </c>
      <c r="DQ123" s="51">
        <v>8252</v>
      </c>
      <c r="DR123" s="57">
        <f t="shared" si="10"/>
        <v>43.256009236905633</v>
      </c>
      <c r="DS123" s="61">
        <f t="shared" si="11"/>
        <v>43.066645790929492</v>
      </c>
    </row>
    <row r="124" spans="1:123" x14ac:dyDescent="0.2">
      <c r="A124" s="175"/>
      <c r="B124" s="176"/>
      <c r="C124" s="123" t="s">
        <v>62</v>
      </c>
      <c r="D124" s="27">
        <v>13320</v>
      </c>
      <c r="E124" s="25">
        <v>2469</v>
      </c>
      <c r="F124" s="26">
        <v>18.5</v>
      </c>
      <c r="G124" s="27">
        <v>13216</v>
      </c>
      <c r="H124" s="25">
        <v>2549</v>
      </c>
      <c r="I124" s="28">
        <v>19.3</v>
      </c>
      <c r="J124" s="24">
        <v>13073</v>
      </c>
      <c r="K124" s="25">
        <v>2625</v>
      </c>
      <c r="L124" s="26">
        <v>20.100000000000001</v>
      </c>
      <c r="M124" s="27">
        <v>12907</v>
      </c>
      <c r="N124" s="25">
        <v>2764</v>
      </c>
      <c r="O124" s="28">
        <v>21.4</v>
      </c>
      <c r="P124" s="24">
        <v>12795</v>
      </c>
      <c r="Q124" s="25">
        <v>2806</v>
      </c>
      <c r="R124" s="26">
        <v>21.9</v>
      </c>
      <c r="S124" s="27">
        <v>12696</v>
      </c>
      <c r="T124" s="25">
        <v>2881</v>
      </c>
      <c r="U124" s="62">
        <v>22.7</v>
      </c>
      <c r="V124" s="24">
        <v>12587</v>
      </c>
      <c r="W124" s="25">
        <v>2951</v>
      </c>
      <c r="X124" s="63">
        <v>23.4</v>
      </c>
      <c r="Y124" s="27">
        <v>12453</v>
      </c>
      <c r="Z124" s="25">
        <v>3012</v>
      </c>
      <c r="AA124" s="62">
        <v>24.2</v>
      </c>
      <c r="AB124" s="24">
        <v>12245</v>
      </c>
      <c r="AC124" s="25">
        <v>3077</v>
      </c>
      <c r="AD124" s="63">
        <v>25.1</v>
      </c>
      <c r="AE124" s="27">
        <v>12143</v>
      </c>
      <c r="AF124" s="25">
        <v>3154</v>
      </c>
      <c r="AG124" s="62">
        <v>26</v>
      </c>
      <c r="AH124" s="24">
        <v>12023</v>
      </c>
      <c r="AI124" s="25">
        <v>3199</v>
      </c>
      <c r="AJ124" s="63">
        <v>26.6</v>
      </c>
      <c r="AK124" s="27">
        <v>11878</v>
      </c>
      <c r="AL124" s="25">
        <v>3243</v>
      </c>
      <c r="AM124" s="62">
        <v>27.3</v>
      </c>
      <c r="AN124" s="24">
        <v>11633</v>
      </c>
      <c r="AO124" s="25">
        <v>3316</v>
      </c>
      <c r="AP124" s="63">
        <v>28.5</v>
      </c>
      <c r="AQ124" s="27">
        <v>11435</v>
      </c>
      <c r="AR124" s="25">
        <v>3371</v>
      </c>
      <c r="AS124" s="62">
        <v>29.5</v>
      </c>
      <c r="AT124" s="24">
        <v>11292</v>
      </c>
      <c r="AU124" s="25">
        <v>3383</v>
      </c>
      <c r="AV124" s="63">
        <v>30</v>
      </c>
      <c r="AW124" s="27">
        <v>11093</v>
      </c>
      <c r="AX124" s="25">
        <v>3384</v>
      </c>
      <c r="AY124" s="28">
        <v>30.5</v>
      </c>
      <c r="AZ124" s="24">
        <v>10955</v>
      </c>
      <c r="BA124" s="25">
        <v>3374</v>
      </c>
      <c r="BB124" s="63">
        <v>30.8</v>
      </c>
      <c r="BC124" s="27">
        <v>10778</v>
      </c>
      <c r="BD124" s="25">
        <v>3393</v>
      </c>
      <c r="BE124" s="28">
        <v>31.5</v>
      </c>
      <c r="BF124" s="24">
        <v>10596</v>
      </c>
      <c r="BG124" s="25">
        <v>10623</v>
      </c>
      <c r="BH124" s="25">
        <v>3426</v>
      </c>
      <c r="BI124" s="25">
        <v>3428</v>
      </c>
      <c r="BJ124" s="64">
        <v>32.299999999999997</v>
      </c>
      <c r="BK124" s="26">
        <v>32.299999999999997</v>
      </c>
      <c r="BL124" s="27">
        <v>10557</v>
      </c>
      <c r="BM124" s="25">
        <v>10585</v>
      </c>
      <c r="BN124" s="25">
        <v>3473</v>
      </c>
      <c r="BO124" s="25">
        <v>3475</v>
      </c>
      <c r="BP124" s="34">
        <v>32.9</v>
      </c>
      <c r="BQ124" s="62">
        <v>32.799999999999997</v>
      </c>
      <c r="BR124" s="24">
        <v>10371</v>
      </c>
      <c r="BS124" s="25">
        <v>10396</v>
      </c>
      <c r="BT124" s="25">
        <v>3489</v>
      </c>
      <c r="BU124" s="25">
        <v>3492</v>
      </c>
      <c r="BV124" s="34">
        <v>33.6</v>
      </c>
      <c r="BW124" s="26">
        <v>33.6</v>
      </c>
      <c r="BX124" s="65">
        <v>10182</v>
      </c>
      <c r="BY124" s="25">
        <v>10214</v>
      </c>
      <c r="BZ124" s="73">
        <v>3501</v>
      </c>
      <c r="CA124" s="25">
        <v>3506</v>
      </c>
      <c r="CB124" s="34">
        <v>34.4</v>
      </c>
      <c r="CC124" s="28">
        <v>34.299999999999997</v>
      </c>
      <c r="CD124" s="94">
        <v>10069</v>
      </c>
      <c r="CE124" s="25">
        <v>10107</v>
      </c>
      <c r="CF124" s="73">
        <v>3531</v>
      </c>
      <c r="CG124" s="25">
        <v>3536</v>
      </c>
      <c r="CH124" s="34">
        <v>35.1</v>
      </c>
      <c r="CI124" s="26">
        <v>35</v>
      </c>
      <c r="CJ124" s="27">
        <v>9899</v>
      </c>
      <c r="CK124" s="25">
        <v>9940</v>
      </c>
      <c r="CL124" s="25">
        <v>3516</v>
      </c>
      <c r="CM124" s="25">
        <v>3521</v>
      </c>
      <c r="CN124" s="34">
        <v>35.5</v>
      </c>
      <c r="CO124" s="28">
        <v>35.4</v>
      </c>
      <c r="CP124" s="24">
        <v>9692</v>
      </c>
      <c r="CQ124" s="25">
        <v>9735</v>
      </c>
      <c r="CR124" s="25">
        <v>3496</v>
      </c>
      <c r="CS124" s="25">
        <v>3500</v>
      </c>
      <c r="CT124" s="34">
        <v>36.1</v>
      </c>
      <c r="CU124" s="36">
        <v>36</v>
      </c>
      <c r="CV124" s="24">
        <v>9521</v>
      </c>
      <c r="CW124" s="25">
        <v>9580</v>
      </c>
      <c r="CX124" s="25">
        <v>3458</v>
      </c>
      <c r="CY124" s="25">
        <v>3462</v>
      </c>
      <c r="CZ124" s="34">
        <f t="shared" si="6"/>
        <v>36.299999999999997</v>
      </c>
      <c r="DA124" s="36">
        <f t="shared" si="7"/>
        <v>36.1</v>
      </c>
      <c r="DB124" s="24">
        <v>9369</v>
      </c>
      <c r="DC124" s="25">
        <v>9436</v>
      </c>
      <c r="DD124" s="25">
        <v>3428</v>
      </c>
      <c r="DE124" s="25">
        <v>3432</v>
      </c>
      <c r="DF124" s="34">
        <v>36.6</v>
      </c>
      <c r="DG124" s="36">
        <v>36.4</v>
      </c>
      <c r="DH124" s="24">
        <v>9145</v>
      </c>
      <c r="DI124" s="25">
        <v>9197</v>
      </c>
      <c r="DJ124" s="25">
        <v>3426</v>
      </c>
      <c r="DK124" s="25">
        <v>3430</v>
      </c>
      <c r="DL124" s="34">
        <f t="shared" si="8"/>
        <v>37.463094587206122</v>
      </c>
      <c r="DM124" s="36">
        <f t="shared" si="9"/>
        <v>37.294770033706641</v>
      </c>
      <c r="DN124" s="24">
        <v>8901</v>
      </c>
      <c r="DO124" s="25">
        <v>8943</v>
      </c>
      <c r="DP124" s="25">
        <v>3381</v>
      </c>
      <c r="DQ124" s="25">
        <v>3384</v>
      </c>
      <c r="DR124" s="34">
        <f t="shared" si="10"/>
        <v>37.984496124031011</v>
      </c>
      <c r="DS124" s="36">
        <f t="shared" si="11"/>
        <v>37.839651123783966</v>
      </c>
    </row>
    <row r="125" spans="1:123" x14ac:dyDescent="0.2">
      <c r="A125" s="175"/>
      <c r="B125" s="176"/>
      <c r="C125" s="122" t="s">
        <v>63</v>
      </c>
      <c r="D125" s="40">
        <v>15158</v>
      </c>
      <c r="E125" s="38">
        <v>3290</v>
      </c>
      <c r="F125" s="39">
        <v>21.7</v>
      </c>
      <c r="G125" s="40">
        <v>15030</v>
      </c>
      <c r="H125" s="38">
        <v>3416</v>
      </c>
      <c r="I125" s="41">
        <v>22.7</v>
      </c>
      <c r="J125" s="37">
        <v>14806</v>
      </c>
      <c r="K125" s="38">
        <v>3492</v>
      </c>
      <c r="L125" s="39">
        <v>23.6</v>
      </c>
      <c r="M125" s="40">
        <v>14690</v>
      </c>
      <c r="N125" s="38">
        <v>3610</v>
      </c>
      <c r="O125" s="41">
        <v>24.6</v>
      </c>
      <c r="P125" s="37">
        <v>14608</v>
      </c>
      <c r="Q125" s="38">
        <v>3714</v>
      </c>
      <c r="R125" s="39">
        <v>25.4</v>
      </c>
      <c r="S125" s="40">
        <v>14490</v>
      </c>
      <c r="T125" s="38">
        <v>3833</v>
      </c>
      <c r="U125" s="67">
        <v>26.5</v>
      </c>
      <c r="V125" s="37">
        <v>14334</v>
      </c>
      <c r="W125" s="38">
        <v>3957</v>
      </c>
      <c r="X125" s="68">
        <v>27.6</v>
      </c>
      <c r="Y125" s="40">
        <v>14208</v>
      </c>
      <c r="Z125" s="38">
        <v>4054</v>
      </c>
      <c r="AA125" s="67">
        <v>28.5</v>
      </c>
      <c r="AB125" s="37">
        <v>14020</v>
      </c>
      <c r="AC125" s="38">
        <v>4141</v>
      </c>
      <c r="AD125" s="68">
        <v>29.5</v>
      </c>
      <c r="AE125" s="40">
        <v>13902</v>
      </c>
      <c r="AF125" s="38">
        <v>4212</v>
      </c>
      <c r="AG125" s="67">
        <v>30.3</v>
      </c>
      <c r="AH125" s="37">
        <v>13757</v>
      </c>
      <c r="AI125" s="38">
        <v>4284</v>
      </c>
      <c r="AJ125" s="68">
        <v>31.1</v>
      </c>
      <c r="AK125" s="40">
        <v>13559</v>
      </c>
      <c r="AL125" s="38">
        <v>4372</v>
      </c>
      <c r="AM125" s="67">
        <v>32.200000000000003</v>
      </c>
      <c r="AN125" s="37">
        <v>13323</v>
      </c>
      <c r="AO125" s="38">
        <v>4462</v>
      </c>
      <c r="AP125" s="68">
        <v>33.5</v>
      </c>
      <c r="AQ125" s="40">
        <v>13136</v>
      </c>
      <c r="AR125" s="38">
        <v>4574</v>
      </c>
      <c r="AS125" s="67">
        <v>34.799999999999997</v>
      </c>
      <c r="AT125" s="37">
        <v>12928</v>
      </c>
      <c r="AU125" s="38">
        <v>4628</v>
      </c>
      <c r="AV125" s="68">
        <v>35.799999999999997</v>
      </c>
      <c r="AW125" s="40">
        <v>12765</v>
      </c>
      <c r="AX125" s="38">
        <v>4662</v>
      </c>
      <c r="AY125" s="41">
        <v>36.5</v>
      </c>
      <c r="AZ125" s="37">
        <v>12583</v>
      </c>
      <c r="BA125" s="38">
        <v>4685</v>
      </c>
      <c r="BB125" s="68">
        <v>37.200000000000003</v>
      </c>
      <c r="BC125" s="40">
        <v>12437</v>
      </c>
      <c r="BD125" s="38">
        <v>4761</v>
      </c>
      <c r="BE125" s="41">
        <v>38.299999999999997</v>
      </c>
      <c r="BF125" s="37">
        <v>12192</v>
      </c>
      <c r="BG125" s="38">
        <v>12224</v>
      </c>
      <c r="BH125" s="38">
        <v>4801</v>
      </c>
      <c r="BI125" s="38">
        <v>4806</v>
      </c>
      <c r="BJ125" s="69">
        <v>39.4</v>
      </c>
      <c r="BK125" s="39">
        <v>39.299999999999997</v>
      </c>
      <c r="BL125" s="40">
        <v>12091</v>
      </c>
      <c r="BM125" s="38">
        <v>12120</v>
      </c>
      <c r="BN125" s="38">
        <v>4797</v>
      </c>
      <c r="BO125" s="38">
        <v>4802</v>
      </c>
      <c r="BP125" s="47">
        <v>39.700000000000003</v>
      </c>
      <c r="BQ125" s="67">
        <v>39.6</v>
      </c>
      <c r="BR125" s="37">
        <v>11854</v>
      </c>
      <c r="BS125" s="38">
        <v>11882</v>
      </c>
      <c r="BT125" s="38">
        <v>4864</v>
      </c>
      <c r="BU125" s="38">
        <v>4870</v>
      </c>
      <c r="BV125" s="47">
        <v>41</v>
      </c>
      <c r="BW125" s="39">
        <v>41</v>
      </c>
      <c r="BX125" s="70">
        <v>11665</v>
      </c>
      <c r="BY125" s="38">
        <v>11697</v>
      </c>
      <c r="BZ125" s="74">
        <v>4904</v>
      </c>
      <c r="CA125" s="38">
        <v>4910</v>
      </c>
      <c r="CB125" s="47">
        <v>42</v>
      </c>
      <c r="CC125" s="41">
        <v>42</v>
      </c>
      <c r="CD125" s="95">
        <v>11456</v>
      </c>
      <c r="CE125" s="38">
        <v>11490</v>
      </c>
      <c r="CF125" s="74">
        <v>4949</v>
      </c>
      <c r="CG125" s="38">
        <v>4956</v>
      </c>
      <c r="CH125" s="47">
        <v>43.2</v>
      </c>
      <c r="CI125" s="39">
        <v>43.1</v>
      </c>
      <c r="CJ125" s="40">
        <v>11257</v>
      </c>
      <c r="CK125" s="38">
        <v>11297</v>
      </c>
      <c r="CL125" s="38">
        <v>5004</v>
      </c>
      <c r="CM125" s="38">
        <v>5011</v>
      </c>
      <c r="CN125" s="47">
        <v>44.5</v>
      </c>
      <c r="CO125" s="41">
        <v>44.4</v>
      </c>
      <c r="CP125" s="37">
        <v>11021</v>
      </c>
      <c r="CQ125" s="38">
        <v>11069</v>
      </c>
      <c r="CR125" s="38">
        <v>4993</v>
      </c>
      <c r="CS125" s="38">
        <v>4999</v>
      </c>
      <c r="CT125" s="47">
        <v>45.3</v>
      </c>
      <c r="CU125" s="49">
        <v>45.2</v>
      </c>
      <c r="CV125" s="37">
        <v>10793</v>
      </c>
      <c r="CW125" s="38">
        <v>10842</v>
      </c>
      <c r="CX125" s="38">
        <v>4971</v>
      </c>
      <c r="CY125" s="38">
        <v>4976</v>
      </c>
      <c r="CZ125" s="47">
        <f t="shared" si="6"/>
        <v>46.1</v>
      </c>
      <c r="DA125" s="49">
        <f t="shared" si="7"/>
        <v>45.9</v>
      </c>
      <c r="DB125" s="37">
        <v>10586</v>
      </c>
      <c r="DC125" s="38">
        <v>10649</v>
      </c>
      <c r="DD125" s="38">
        <v>4946</v>
      </c>
      <c r="DE125" s="38">
        <v>4952</v>
      </c>
      <c r="DF125" s="47">
        <v>46.7</v>
      </c>
      <c r="DG125" s="49">
        <v>46.5</v>
      </c>
      <c r="DH125" s="37">
        <v>10395</v>
      </c>
      <c r="DI125" s="38">
        <v>10461</v>
      </c>
      <c r="DJ125" s="38">
        <v>4920</v>
      </c>
      <c r="DK125" s="38">
        <v>4926</v>
      </c>
      <c r="DL125" s="21">
        <f t="shared" si="8"/>
        <v>47.330447330447328</v>
      </c>
      <c r="DM125" s="49">
        <f t="shared" si="9"/>
        <v>47.08918841410955</v>
      </c>
      <c r="DN125" s="37">
        <v>10153</v>
      </c>
      <c r="DO125" s="38">
        <v>10218</v>
      </c>
      <c r="DP125" s="38">
        <v>4861</v>
      </c>
      <c r="DQ125" s="38">
        <v>4868</v>
      </c>
      <c r="DR125" s="21">
        <f t="shared" si="10"/>
        <v>47.877474638038024</v>
      </c>
      <c r="DS125" s="49">
        <f t="shared" si="11"/>
        <v>47.641417107065962</v>
      </c>
    </row>
    <row r="126" spans="1:123" x14ac:dyDescent="0.2">
      <c r="A126" s="175" t="s">
        <v>52</v>
      </c>
      <c r="B126" s="176"/>
      <c r="C126" s="121" t="s">
        <v>61</v>
      </c>
      <c r="D126" s="53">
        <v>26347</v>
      </c>
      <c r="E126" s="51">
        <v>4578</v>
      </c>
      <c r="F126" s="52">
        <v>17.399999999999999</v>
      </c>
      <c r="G126" s="53">
        <v>26268</v>
      </c>
      <c r="H126" s="51">
        <v>4723</v>
      </c>
      <c r="I126" s="54">
        <v>18</v>
      </c>
      <c r="J126" s="50">
        <v>26163</v>
      </c>
      <c r="K126" s="51">
        <v>4892</v>
      </c>
      <c r="L126" s="52">
        <v>18.7</v>
      </c>
      <c r="M126" s="53">
        <v>26069</v>
      </c>
      <c r="N126" s="51">
        <v>5081</v>
      </c>
      <c r="O126" s="54">
        <v>19.5</v>
      </c>
      <c r="P126" s="50">
        <v>26055</v>
      </c>
      <c r="Q126" s="51">
        <v>5235</v>
      </c>
      <c r="R126" s="52">
        <v>20.100000000000001</v>
      </c>
      <c r="S126" s="53">
        <v>26057</v>
      </c>
      <c r="T126" s="51">
        <v>5378</v>
      </c>
      <c r="U126" s="58">
        <v>20.6</v>
      </c>
      <c r="V126" s="50">
        <v>25863</v>
      </c>
      <c r="W126" s="51">
        <v>5553</v>
      </c>
      <c r="X126" s="55">
        <v>21.5</v>
      </c>
      <c r="Y126" s="53">
        <v>25694</v>
      </c>
      <c r="Z126" s="51">
        <v>5679</v>
      </c>
      <c r="AA126" s="58">
        <v>22.1</v>
      </c>
      <c r="AB126" s="50">
        <v>25566</v>
      </c>
      <c r="AC126" s="51">
        <v>5843</v>
      </c>
      <c r="AD126" s="55">
        <v>22.9</v>
      </c>
      <c r="AE126" s="53">
        <v>25452</v>
      </c>
      <c r="AF126" s="51">
        <v>5976</v>
      </c>
      <c r="AG126" s="58">
        <v>23.5</v>
      </c>
      <c r="AH126" s="50">
        <v>25231</v>
      </c>
      <c r="AI126" s="51">
        <v>6005</v>
      </c>
      <c r="AJ126" s="55">
        <v>23.8</v>
      </c>
      <c r="AK126" s="53">
        <v>25297</v>
      </c>
      <c r="AL126" s="51">
        <v>6112</v>
      </c>
      <c r="AM126" s="58">
        <v>24.2</v>
      </c>
      <c r="AN126" s="50">
        <v>25044</v>
      </c>
      <c r="AO126" s="51">
        <v>6197</v>
      </c>
      <c r="AP126" s="55">
        <v>24.7</v>
      </c>
      <c r="AQ126" s="53">
        <v>24720</v>
      </c>
      <c r="AR126" s="51">
        <v>6283</v>
      </c>
      <c r="AS126" s="58">
        <v>25.4</v>
      </c>
      <c r="AT126" s="50">
        <v>24488</v>
      </c>
      <c r="AU126" s="51">
        <v>6346</v>
      </c>
      <c r="AV126" s="55">
        <v>25.9</v>
      </c>
      <c r="AW126" s="53">
        <v>24270</v>
      </c>
      <c r="AX126" s="51">
        <v>6374</v>
      </c>
      <c r="AY126" s="54">
        <v>26.3</v>
      </c>
      <c r="AZ126" s="50">
        <v>24116</v>
      </c>
      <c r="BA126" s="51">
        <v>6393</v>
      </c>
      <c r="BB126" s="55">
        <v>26.5</v>
      </c>
      <c r="BC126" s="53">
        <v>23890</v>
      </c>
      <c r="BD126" s="51">
        <v>6484</v>
      </c>
      <c r="BE126" s="54">
        <v>27.1</v>
      </c>
      <c r="BF126" s="50">
        <v>23595</v>
      </c>
      <c r="BG126" s="51">
        <v>23676</v>
      </c>
      <c r="BH126" s="51">
        <v>6644</v>
      </c>
      <c r="BI126" s="51">
        <v>6653</v>
      </c>
      <c r="BJ126" s="56">
        <v>28.2</v>
      </c>
      <c r="BK126" s="52">
        <v>28.1</v>
      </c>
      <c r="BL126" s="53">
        <v>23473</v>
      </c>
      <c r="BM126" s="51">
        <v>23579</v>
      </c>
      <c r="BN126" s="51">
        <v>6677</v>
      </c>
      <c r="BO126" s="51">
        <v>6685</v>
      </c>
      <c r="BP126" s="57">
        <v>28.4</v>
      </c>
      <c r="BQ126" s="58">
        <v>28.4</v>
      </c>
      <c r="BR126" s="50">
        <v>23177</v>
      </c>
      <c r="BS126" s="51">
        <v>23324</v>
      </c>
      <c r="BT126" s="51">
        <v>6812</v>
      </c>
      <c r="BU126" s="51">
        <v>6818</v>
      </c>
      <c r="BV126" s="57">
        <v>29.4</v>
      </c>
      <c r="BW126" s="52">
        <v>29.2</v>
      </c>
      <c r="BX126" s="53">
        <v>22834</v>
      </c>
      <c r="BY126" s="51">
        <v>22975</v>
      </c>
      <c r="BZ126" s="51">
        <v>6907</v>
      </c>
      <c r="CA126" s="51">
        <v>6913</v>
      </c>
      <c r="CB126" s="57">
        <v>30.2</v>
      </c>
      <c r="CC126" s="54">
        <v>30.1</v>
      </c>
      <c r="CD126" s="93">
        <v>22420</v>
      </c>
      <c r="CE126" s="51">
        <v>22598</v>
      </c>
      <c r="CF126" s="72">
        <v>6970</v>
      </c>
      <c r="CG126" s="51">
        <v>6976</v>
      </c>
      <c r="CH126" s="57">
        <v>31.1</v>
      </c>
      <c r="CI126" s="52">
        <v>30.9</v>
      </c>
      <c r="CJ126" s="53">
        <v>22090</v>
      </c>
      <c r="CK126" s="51">
        <v>22284</v>
      </c>
      <c r="CL126" s="51">
        <v>7038</v>
      </c>
      <c r="CM126" s="51">
        <v>7044</v>
      </c>
      <c r="CN126" s="57">
        <v>31.9</v>
      </c>
      <c r="CO126" s="54">
        <v>31.6</v>
      </c>
      <c r="CP126" s="50">
        <v>21687</v>
      </c>
      <c r="CQ126" s="51">
        <v>21921</v>
      </c>
      <c r="CR126" s="51">
        <v>7057</v>
      </c>
      <c r="CS126" s="51">
        <v>7062</v>
      </c>
      <c r="CT126" s="57">
        <v>32.5</v>
      </c>
      <c r="CU126" s="61">
        <v>32.200000000000003</v>
      </c>
      <c r="CV126" s="50">
        <v>21275</v>
      </c>
      <c r="CW126" s="51">
        <v>21593</v>
      </c>
      <c r="CX126" s="51">
        <v>7083</v>
      </c>
      <c r="CY126" s="51">
        <v>7088</v>
      </c>
      <c r="CZ126" s="21">
        <f t="shared" si="6"/>
        <v>33.299999999999997</v>
      </c>
      <c r="DA126" s="23">
        <f t="shared" si="7"/>
        <v>32.799999999999997</v>
      </c>
      <c r="DB126" s="50">
        <v>20814</v>
      </c>
      <c r="DC126" s="51">
        <v>21071</v>
      </c>
      <c r="DD126" s="51">
        <v>7077</v>
      </c>
      <c r="DE126" s="51">
        <v>7084</v>
      </c>
      <c r="DF126" s="21">
        <v>34</v>
      </c>
      <c r="DG126" s="23">
        <v>33.6</v>
      </c>
      <c r="DH126" s="50">
        <v>20388</v>
      </c>
      <c r="DI126" s="51">
        <v>20617</v>
      </c>
      <c r="DJ126" s="51">
        <v>7072</v>
      </c>
      <c r="DK126" s="51">
        <v>7078</v>
      </c>
      <c r="DL126" s="57">
        <f t="shared" si="8"/>
        <v>34.687070825976065</v>
      </c>
      <c r="DM126" s="23">
        <f t="shared" si="9"/>
        <v>34.330891982344667</v>
      </c>
      <c r="DN126" s="50">
        <v>19933</v>
      </c>
      <c r="DO126" s="51">
        <v>20223</v>
      </c>
      <c r="DP126" s="51">
        <v>7007</v>
      </c>
      <c r="DQ126" s="51">
        <v>7012</v>
      </c>
      <c r="DR126" s="57">
        <f t="shared" si="10"/>
        <v>35.152761751868759</v>
      </c>
      <c r="DS126" s="23">
        <f t="shared" si="11"/>
        <v>34.673391682737474</v>
      </c>
    </row>
    <row r="127" spans="1:123" x14ac:dyDescent="0.2">
      <c r="A127" s="175"/>
      <c r="B127" s="176"/>
      <c r="C127" s="123" t="s">
        <v>62</v>
      </c>
      <c r="D127" s="27">
        <v>12662</v>
      </c>
      <c r="E127" s="25">
        <v>1968</v>
      </c>
      <c r="F127" s="26">
        <v>15.5</v>
      </c>
      <c r="G127" s="27">
        <v>12596</v>
      </c>
      <c r="H127" s="25">
        <v>2042</v>
      </c>
      <c r="I127" s="28">
        <v>16.2</v>
      </c>
      <c r="J127" s="24">
        <v>12516</v>
      </c>
      <c r="K127" s="25">
        <v>2144</v>
      </c>
      <c r="L127" s="26">
        <v>17.100000000000001</v>
      </c>
      <c r="M127" s="27">
        <v>12446</v>
      </c>
      <c r="N127" s="25">
        <v>2232</v>
      </c>
      <c r="O127" s="28">
        <v>17.899999999999999</v>
      </c>
      <c r="P127" s="24">
        <v>12408</v>
      </c>
      <c r="Q127" s="25">
        <v>2306</v>
      </c>
      <c r="R127" s="26">
        <v>18.600000000000001</v>
      </c>
      <c r="S127" s="27">
        <v>12415</v>
      </c>
      <c r="T127" s="25">
        <v>2357</v>
      </c>
      <c r="U127" s="62">
        <v>19</v>
      </c>
      <c r="V127" s="24">
        <v>12331</v>
      </c>
      <c r="W127" s="25">
        <v>2431</v>
      </c>
      <c r="X127" s="63">
        <v>19.7</v>
      </c>
      <c r="Y127" s="27">
        <v>12254</v>
      </c>
      <c r="Z127" s="25">
        <v>2486</v>
      </c>
      <c r="AA127" s="62">
        <v>20.3</v>
      </c>
      <c r="AB127" s="24">
        <v>12197</v>
      </c>
      <c r="AC127" s="25">
        <v>2554</v>
      </c>
      <c r="AD127" s="63">
        <v>20.9</v>
      </c>
      <c r="AE127" s="27">
        <v>12115</v>
      </c>
      <c r="AF127" s="25">
        <v>2603</v>
      </c>
      <c r="AG127" s="62">
        <v>21.5</v>
      </c>
      <c r="AH127" s="24">
        <v>11986</v>
      </c>
      <c r="AI127" s="25">
        <v>2606</v>
      </c>
      <c r="AJ127" s="63">
        <v>21.7</v>
      </c>
      <c r="AK127" s="27">
        <v>12046</v>
      </c>
      <c r="AL127" s="25">
        <v>2653</v>
      </c>
      <c r="AM127" s="62">
        <v>22</v>
      </c>
      <c r="AN127" s="24">
        <v>11873</v>
      </c>
      <c r="AO127" s="25">
        <v>2685</v>
      </c>
      <c r="AP127" s="63">
        <v>22.6</v>
      </c>
      <c r="AQ127" s="27">
        <v>11698</v>
      </c>
      <c r="AR127" s="25">
        <v>2708</v>
      </c>
      <c r="AS127" s="62">
        <v>23.1</v>
      </c>
      <c r="AT127" s="24">
        <v>11585</v>
      </c>
      <c r="AU127" s="25">
        <v>2711</v>
      </c>
      <c r="AV127" s="63">
        <v>23.4</v>
      </c>
      <c r="AW127" s="27">
        <v>11444</v>
      </c>
      <c r="AX127" s="25">
        <v>2708</v>
      </c>
      <c r="AY127" s="28">
        <v>23.7</v>
      </c>
      <c r="AZ127" s="24">
        <v>11379</v>
      </c>
      <c r="BA127" s="25">
        <v>2687</v>
      </c>
      <c r="BB127" s="63">
        <v>23.6</v>
      </c>
      <c r="BC127" s="27">
        <v>11272</v>
      </c>
      <c r="BD127" s="25">
        <v>2706</v>
      </c>
      <c r="BE127" s="28">
        <v>24</v>
      </c>
      <c r="BF127" s="24">
        <v>11152</v>
      </c>
      <c r="BG127" s="25">
        <v>11180</v>
      </c>
      <c r="BH127" s="25">
        <v>2771</v>
      </c>
      <c r="BI127" s="25">
        <v>2774</v>
      </c>
      <c r="BJ127" s="64">
        <v>24.8</v>
      </c>
      <c r="BK127" s="26">
        <v>24.8</v>
      </c>
      <c r="BL127" s="27">
        <v>11105</v>
      </c>
      <c r="BM127" s="25">
        <v>11140</v>
      </c>
      <c r="BN127" s="25">
        <v>2795</v>
      </c>
      <c r="BO127" s="25">
        <v>2798</v>
      </c>
      <c r="BP127" s="34">
        <v>25.2</v>
      </c>
      <c r="BQ127" s="62">
        <v>25.1</v>
      </c>
      <c r="BR127" s="24">
        <v>10949</v>
      </c>
      <c r="BS127" s="25">
        <v>10992</v>
      </c>
      <c r="BT127" s="25">
        <v>2853</v>
      </c>
      <c r="BU127" s="25">
        <v>2855</v>
      </c>
      <c r="BV127" s="34">
        <v>26.1</v>
      </c>
      <c r="BW127" s="26">
        <v>26</v>
      </c>
      <c r="BX127" s="27">
        <v>10801</v>
      </c>
      <c r="BY127" s="25">
        <v>10855</v>
      </c>
      <c r="BZ127" s="25">
        <v>2900</v>
      </c>
      <c r="CA127" s="25">
        <v>2902</v>
      </c>
      <c r="CB127" s="34">
        <v>26.8</v>
      </c>
      <c r="CC127" s="28">
        <v>26.7</v>
      </c>
      <c r="CD127" s="94">
        <v>10625</v>
      </c>
      <c r="CE127" s="25">
        <v>10691</v>
      </c>
      <c r="CF127" s="73">
        <v>2941</v>
      </c>
      <c r="CG127" s="25">
        <v>2943</v>
      </c>
      <c r="CH127" s="34">
        <v>27.7</v>
      </c>
      <c r="CI127" s="26">
        <v>27.5</v>
      </c>
      <c r="CJ127" s="27">
        <v>10450</v>
      </c>
      <c r="CK127" s="25">
        <v>10524</v>
      </c>
      <c r="CL127" s="25">
        <v>2978</v>
      </c>
      <c r="CM127" s="25">
        <v>2980</v>
      </c>
      <c r="CN127" s="34">
        <v>28.5</v>
      </c>
      <c r="CO127" s="28">
        <v>28.3</v>
      </c>
      <c r="CP127" s="24">
        <v>10260</v>
      </c>
      <c r="CQ127" s="25">
        <v>10343</v>
      </c>
      <c r="CR127" s="25">
        <v>2993</v>
      </c>
      <c r="CS127" s="25">
        <v>2995</v>
      </c>
      <c r="CT127" s="34">
        <v>29.2</v>
      </c>
      <c r="CU127" s="36">
        <v>29</v>
      </c>
      <c r="CV127" s="24">
        <v>10053</v>
      </c>
      <c r="CW127" s="25">
        <v>10161</v>
      </c>
      <c r="CX127" s="25">
        <v>2995</v>
      </c>
      <c r="CY127" s="25">
        <v>2997</v>
      </c>
      <c r="CZ127" s="34">
        <f t="shared" si="6"/>
        <v>29.8</v>
      </c>
      <c r="DA127" s="36">
        <f t="shared" si="7"/>
        <v>29.5</v>
      </c>
      <c r="DB127" s="24">
        <v>9821</v>
      </c>
      <c r="DC127" s="25">
        <v>9914</v>
      </c>
      <c r="DD127" s="25">
        <v>2992</v>
      </c>
      <c r="DE127" s="25">
        <v>2995</v>
      </c>
      <c r="DF127" s="34">
        <v>30.5</v>
      </c>
      <c r="DG127" s="36">
        <v>30.2</v>
      </c>
      <c r="DH127" s="24">
        <v>9634</v>
      </c>
      <c r="DI127" s="25">
        <v>9716</v>
      </c>
      <c r="DJ127" s="25">
        <v>2991</v>
      </c>
      <c r="DK127" s="25">
        <v>2994</v>
      </c>
      <c r="DL127" s="34">
        <f t="shared" si="8"/>
        <v>31.046294374091758</v>
      </c>
      <c r="DM127" s="36">
        <f t="shared" si="9"/>
        <v>30.815150267599833</v>
      </c>
      <c r="DN127" s="24">
        <v>9423</v>
      </c>
      <c r="DO127" s="25">
        <v>9545</v>
      </c>
      <c r="DP127" s="25">
        <v>2951</v>
      </c>
      <c r="DQ127" s="25">
        <v>2953</v>
      </c>
      <c r="DR127" s="34">
        <f t="shared" si="10"/>
        <v>31.316990342778304</v>
      </c>
      <c r="DS127" s="36">
        <f t="shared" si="11"/>
        <v>30.937663698271344</v>
      </c>
    </row>
    <row r="128" spans="1:123" x14ac:dyDescent="0.2">
      <c r="A128" s="175"/>
      <c r="B128" s="176"/>
      <c r="C128" s="122" t="s">
        <v>63</v>
      </c>
      <c r="D128" s="40">
        <v>13685</v>
      </c>
      <c r="E128" s="38">
        <v>2610</v>
      </c>
      <c r="F128" s="39">
        <v>19.100000000000001</v>
      </c>
      <c r="G128" s="40">
        <v>13672</v>
      </c>
      <c r="H128" s="38">
        <v>2681</v>
      </c>
      <c r="I128" s="41">
        <v>19.600000000000001</v>
      </c>
      <c r="J128" s="37">
        <v>13647</v>
      </c>
      <c r="K128" s="38">
        <v>2748</v>
      </c>
      <c r="L128" s="39">
        <v>20.100000000000001</v>
      </c>
      <c r="M128" s="40">
        <v>13623</v>
      </c>
      <c r="N128" s="38">
        <v>2849</v>
      </c>
      <c r="O128" s="41">
        <v>20.9</v>
      </c>
      <c r="P128" s="37">
        <v>13647</v>
      </c>
      <c r="Q128" s="38">
        <v>2929</v>
      </c>
      <c r="R128" s="39">
        <v>21.5</v>
      </c>
      <c r="S128" s="40">
        <v>13642</v>
      </c>
      <c r="T128" s="38">
        <v>3021</v>
      </c>
      <c r="U128" s="67">
        <v>22.1</v>
      </c>
      <c r="V128" s="37">
        <v>13532</v>
      </c>
      <c r="W128" s="38">
        <v>3122</v>
      </c>
      <c r="X128" s="68">
        <v>23.1</v>
      </c>
      <c r="Y128" s="40">
        <v>13440</v>
      </c>
      <c r="Z128" s="38">
        <v>3193</v>
      </c>
      <c r="AA128" s="67">
        <v>23.8</v>
      </c>
      <c r="AB128" s="37">
        <v>13369</v>
      </c>
      <c r="AC128" s="38">
        <v>3289</v>
      </c>
      <c r="AD128" s="68">
        <v>24.6</v>
      </c>
      <c r="AE128" s="40">
        <v>13337</v>
      </c>
      <c r="AF128" s="38">
        <v>3373</v>
      </c>
      <c r="AG128" s="67">
        <v>25.3</v>
      </c>
      <c r="AH128" s="37">
        <v>13245</v>
      </c>
      <c r="AI128" s="38">
        <v>3399</v>
      </c>
      <c r="AJ128" s="68">
        <v>25.7</v>
      </c>
      <c r="AK128" s="40">
        <v>13251</v>
      </c>
      <c r="AL128" s="38">
        <v>3459</v>
      </c>
      <c r="AM128" s="67">
        <v>26.1</v>
      </c>
      <c r="AN128" s="37">
        <v>13171</v>
      </c>
      <c r="AO128" s="38">
        <v>3512</v>
      </c>
      <c r="AP128" s="68">
        <v>26.7</v>
      </c>
      <c r="AQ128" s="40">
        <v>13022</v>
      </c>
      <c r="AR128" s="38">
        <v>3575</v>
      </c>
      <c r="AS128" s="67">
        <v>27.5</v>
      </c>
      <c r="AT128" s="37">
        <v>12903</v>
      </c>
      <c r="AU128" s="38">
        <v>3635</v>
      </c>
      <c r="AV128" s="68">
        <v>28.2</v>
      </c>
      <c r="AW128" s="40">
        <v>12826</v>
      </c>
      <c r="AX128" s="38">
        <v>3666</v>
      </c>
      <c r="AY128" s="41">
        <v>28.6</v>
      </c>
      <c r="AZ128" s="37">
        <v>12737</v>
      </c>
      <c r="BA128" s="38">
        <v>3706</v>
      </c>
      <c r="BB128" s="68">
        <v>29.1</v>
      </c>
      <c r="BC128" s="40">
        <v>12618</v>
      </c>
      <c r="BD128" s="38">
        <v>3778</v>
      </c>
      <c r="BE128" s="41">
        <v>29.9</v>
      </c>
      <c r="BF128" s="37">
        <v>12443</v>
      </c>
      <c r="BG128" s="38">
        <v>12496</v>
      </c>
      <c r="BH128" s="38">
        <v>3873</v>
      </c>
      <c r="BI128" s="38">
        <v>3879</v>
      </c>
      <c r="BJ128" s="69">
        <v>31.1</v>
      </c>
      <c r="BK128" s="39">
        <v>31</v>
      </c>
      <c r="BL128" s="40">
        <v>12368</v>
      </c>
      <c r="BM128" s="38">
        <v>12439</v>
      </c>
      <c r="BN128" s="38">
        <v>3882</v>
      </c>
      <c r="BO128" s="38">
        <v>3887</v>
      </c>
      <c r="BP128" s="47">
        <v>31.4</v>
      </c>
      <c r="BQ128" s="67">
        <v>31.2</v>
      </c>
      <c r="BR128" s="37">
        <v>12228</v>
      </c>
      <c r="BS128" s="38">
        <v>12332</v>
      </c>
      <c r="BT128" s="38">
        <v>3959</v>
      </c>
      <c r="BU128" s="38">
        <v>3963</v>
      </c>
      <c r="BV128" s="47">
        <v>32.4</v>
      </c>
      <c r="BW128" s="39">
        <v>32.1</v>
      </c>
      <c r="BX128" s="40">
        <v>12033</v>
      </c>
      <c r="BY128" s="38">
        <v>12120</v>
      </c>
      <c r="BZ128" s="38">
        <v>4007</v>
      </c>
      <c r="CA128" s="38">
        <v>4011</v>
      </c>
      <c r="CB128" s="47">
        <v>33.299999999999997</v>
      </c>
      <c r="CC128" s="41">
        <v>33.1</v>
      </c>
      <c r="CD128" s="95">
        <v>11795</v>
      </c>
      <c r="CE128" s="38">
        <v>11907</v>
      </c>
      <c r="CF128" s="74">
        <v>4029</v>
      </c>
      <c r="CG128" s="38">
        <v>4033</v>
      </c>
      <c r="CH128" s="47">
        <v>34.200000000000003</v>
      </c>
      <c r="CI128" s="39">
        <v>33.9</v>
      </c>
      <c r="CJ128" s="40">
        <v>11640</v>
      </c>
      <c r="CK128" s="38">
        <v>11760</v>
      </c>
      <c r="CL128" s="38">
        <v>4060</v>
      </c>
      <c r="CM128" s="38">
        <v>4064</v>
      </c>
      <c r="CN128" s="47">
        <v>34.9</v>
      </c>
      <c r="CO128" s="41">
        <v>34.6</v>
      </c>
      <c r="CP128" s="37">
        <v>11427</v>
      </c>
      <c r="CQ128" s="38">
        <v>11578</v>
      </c>
      <c r="CR128" s="38">
        <v>4064</v>
      </c>
      <c r="CS128" s="38">
        <v>4067</v>
      </c>
      <c r="CT128" s="47">
        <v>35.6</v>
      </c>
      <c r="CU128" s="49">
        <v>35.1</v>
      </c>
      <c r="CV128" s="37">
        <v>11222</v>
      </c>
      <c r="CW128" s="38">
        <v>11432</v>
      </c>
      <c r="CX128" s="38">
        <v>4088</v>
      </c>
      <c r="CY128" s="38">
        <v>4091</v>
      </c>
      <c r="CZ128" s="47">
        <f t="shared" si="6"/>
        <v>36.4</v>
      </c>
      <c r="DA128" s="49">
        <f t="shared" si="7"/>
        <v>35.799999999999997</v>
      </c>
      <c r="DB128" s="37">
        <v>10993</v>
      </c>
      <c r="DC128" s="38">
        <v>11157</v>
      </c>
      <c r="DD128" s="38">
        <v>4085</v>
      </c>
      <c r="DE128" s="38">
        <v>4089</v>
      </c>
      <c r="DF128" s="47">
        <v>37.200000000000003</v>
      </c>
      <c r="DG128" s="49">
        <v>36.6</v>
      </c>
      <c r="DH128" s="37">
        <v>10754</v>
      </c>
      <c r="DI128" s="38">
        <v>10901</v>
      </c>
      <c r="DJ128" s="38">
        <v>4081</v>
      </c>
      <c r="DK128" s="38">
        <v>4084</v>
      </c>
      <c r="DL128" s="21">
        <f t="shared" si="8"/>
        <v>37.948670262228006</v>
      </c>
      <c r="DM128" s="49">
        <f t="shared" si="9"/>
        <v>37.464452802495188</v>
      </c>
      <c r="DN128" s="37">
        <v>10510</v>
      </c>
      <c r="DO128" s="38">
        <v>10678</v>
      </c>
      <c r="DP128" s="38">
        <v>4056</v>
      </c>
      <c r="DQ128" s="38">
        <v>4059</v>
      </c>
      <c r="DR128" s="21">
        <f t="shared" si="10"/>
        <v>38.591817316841102</v>
      </c>
      <c r="DS128" s="49">
        <f t="shared" si="11"/>
        <v>38.012736467503281</v>
      </c>
    </row>
    <row r="129" spans="1:123" x14ac:dyDescent="0.2">
      <c r="A129" s="175" t="s">
        <v>53</v>
      </c>
      <c r="B129" s="176"/>
      <c r="C129" s="121" t="s">
        <v>61</v>
      </c>
      <c r="D129" s="53">
        <v>56927</v>
      </c>
      <c r="E129" s="51">
        <v>8773</v>
      </c>
      <c r="F129" s="52">
        <v>15.4</v>
      </c>
      <c r="G129" s="53">
        <v>56857</v>
      </c>
      <c r="H129" s="51">
        <v>9204</v>
      </c>
      <c r="I129" s="54">
        <v>16.2</v>
      </c>
      <c r="J129" s="50">
        <v>56515</v>
      </c>
      <c r="K129" s="51">
        <v>9552</v>
      </c>
      <c r="L129" s="52">
        <v>16.899999999999999</v>
      </c>
      <c r="M129" s="53">
        <v>56173</v>
      </c>
      <c r="N129" s="51">
        <v>9962</v>
      </c>
      <c r="O129" s="54">
        <v>17.7</v>
      </c>
      <c r="P129" s="50">
        <v>55745</v>
      </c>
      <c r="Q129" s="51">
        <v>10303</v>
      </c>
      <c r="R129" s="52">
        <v>18.5</v>
      </c>
      <c r="S129" s="53">
        <v>55503</v>
      </c>
      <c r="T129" s="51">
        <v>10785</v>
      </c>
      <c r="U129" s="58">
        <v>19.399999999999999</v>
      </c>
      <c r="V129" s="50">
        <v>55077</v>
      </c>
      <c r="W129" s="51">
        <v>11148</v>
      </c>
      <c r="X129" s="55">
        <v>20.2</v>
      </c>
      <c r="Y129" s="53">
        <v>54673</v>
      </c>
      <c r="Z129" s="51">
        <v>11596</v>
      </c>
      <c r="AA129" s="58">
        <v>21.2</v>
      </c>
      <c r="AB129" s="50">
        <v>54503</v>
      </c>
      <c r="AC129" s="51">
        <v>11984</v>
      </c>
      <c r="AD129" s="55">
        <v>22</v>
      </c>
      <c r="AE129" s="53">
        <v>54337</v>
      </c>
      <c r="AF129" s="51">
        <v>12352</v>
      </c>
      <c r="AG129" s="58">
        <v>22.7</v>
      </c>
      <c r="AH129" s="50">
        <v>53923</v>
      </c>
      <c r="AI129" s="51">
        <v>12693</v>
      </c>
      <c r="AJ129" s="55">
        <v>23.5</v>
      </c>
      <c r="AK129" s="53">
        <v>53622</v>
      </c>
      <c r="AL129" s="51">
        <v>13128</v>
      </c>
      <c r="AM129" s="58">
        <v>24.5</v>
      </c>
      <c r="AN129" s="50">
        <v>53507</v>
      </c>
      <c r="AO129" s="51">
        <v>13539</v>
      </c>
      <c r="AP129" s="55">
        <v>25.3</v>
      </c>
      <c r="AQ129" s="53">
        <v>52905</v>
      </c>
      <c r="AR129" s="51">
        <v>13861</v>
      </c>
      <c r="AS129" s="58">
        <v>26.2</v>
      </c>
      <c r="AT129" s="50">
        <v>52572</v>
      </c>
      <c r="AU129" s="51">
        <v>14354</v>
      </c>
      <c r="AV129" s="55">
        <v>27.3</v>
      </c>
      <c r="AW129" s="53">
        <v>52199</v>
      </c>
      <c r="AX129" s="51">
        <v>14532</v>
      </c>
      <c r="AY129" s="54">
        <v>27.8</v>
      </c>
      <c r="AZ129" s="50">
        <v>51892</v>
      </c>
      <c r="BA129" s="51">
        <v>14668</v>
      </c>
      <c r="BB129" s="55">
        <v>28.3</v>
      </c>
      <c r="BC129" s="53">
        <v>51474</v>
      </c>
      <c r="BD129" s="51">
        <v>14920</v>
      </c>
      <c r="BE129" s="54">
        <v>29</v>
      </c>
      <c r="BF129" s="50">
        <v>50886</v>
      </c>
      <c r="BG129" s="51">
        <v>50985</v>
      </c>
      <c r="BH129" s="51">
        <v>15322</v>
      </c>
      <c r="BI129" s="51">
        <v>15340</v>
      </c>
      <c r="BJ129" s="56">
        <v>30.1</v>
      </c>
      <c r="BK129" s="52">
        <v>30.1</v>
      </c>
      <c r="BL129" s="53">
        <v>50797</v>
      </c>
      <c r="BM129" s="51">
        <v>50889</v>
      </c>
      <c r="BN129" s="51">
        <v>15567</v>
      </c>
      <c r="BO129" s="51">
        <v>15585</v>
      </c>
      <c r="BP129" s="57">
        <v>30.6</v>
      </c>
      <c r="BQ129" s="58">
        <v>30.6</v>
      </c>
      <c r="BR129" s="50">
        <v>50462</v>
      </c>
      <c r="BS129" s="51">
        <v>50571</v>
      </c>
      <c r="BT129" s="51">
        <v>16142</v>
      </c>
      <c r="BU129" s="51">
        <v>16159</v>
      </c>
      <c r="BV129" s="57">
        <v>32</v>
      </c>
      <c r="BW129" s="52">
        <v>32</v>
      </c>
      <c r="BX129" s="53">
        <v>49983</v>
      </c>
      <c r="BY129" s="51">
        <v>50101</v>
      </c>
      <c r="BZ129" s="51">
        <v>16510</v>
      </c>
      <c r="CA129" s="51">
        <v>16526</v>
      </c>
      <c r="CB129" s="57">
        <v>33</v>
      </c>
      <c r="CC129" s="54">
        <v>33</v>
      </c>
      <c r="CD129" s="93">
        <v>49296</v>
      </c>
      <c r="CE129" s="51">
        <v>49440</v>
      </c>
      <c r="CF129" s="72">
        <v>16726</v>
      </c>
      <c r="CG129" s="51">
        <v>16743</v>
      </c>
      <c r="CH129" s="57">
        <v>33.9</v>
      </c>
      <c r="CI129" s="52">
        <v>33.9</v>
      </c>
      <c r="CJ129" s="53">
        <v>48691</v>
      </c>
      <c r="CK129" s="51">
        <v>48852</v>
      </c>
      <c r="CL129" s="51">
        <v>17042</v>
      </c>
      <c r="CM129" s="51">
        <v>17061</v>
      </c>
      <c r="CN129" s="57">
        <v>35</v>
      </c>
      <c r="CO129" s="54">
        <v>34.9</v>
      </c>
      <c r="CP129" s="50">
        <v>48178</v>
      </c>
      <c r="CQ129" s="51">
        <v>48395</v>
      </c>
      <c r="CR129" s="51">
        <v>17116</v>
      </c>
      <c r="CS129" s="51">
        <v>17138</v>
      </c>
      <c r="CT129" s="57">
        <v>35.5</v>
      </c>
      <c r="CU129" s="61">
        <v>35.4</v>
      </c>
      <c r="CV129" s="50">
        <v>47367</v>
      </c>
      <c r="CW129" s="51">
        <v>47608</v>
      </c>
      <c r="CX129" s="51">
        <v>17180</v>
      </c>
      <c r="CY129" s="51">
        <v>17201</v>
      </c>
      <c r="CZ129" s="21">
        <f t="shared" si="6"/>
        <v>36.299999999999997</v>
      </c>
      <c r="DA129" s="23">
        <f t="shared" si="7"/>
        <v>36.1</v>
      </c>
      <c r="DB129" s="50">
        <v>46651</v>
      </c>
      <c r="DC129" s="51">
        <v>46833</v>
      </c>
      <c r="DD129" s="51">
        <v>17147</v>
      </c>
      <c r="DE129" s="51">
        <v>17170</v>
      </c>
      <c r="DF129" s="21">
        <v>36.799999999999997</v>
      </c>
      <c r="DG129" s="23">
        <v>36.700000000000003</v>
      </c>
      <c r="DH129" s="50">
        <v>45974</v>
      </c>
      <c r="DI129" s="51">
        <v>46135</v>
      </c>
      <c r="DJ129" s="51">
        <v>17124</v>
      </c>
      <c r="DK129" s="51">
        <v>17144</v>
      </c>
      <c r="DL129" s="57">
        <f t="shared" si="8"/>
        <v>37.247139687649536</v>
      </c>
      <c r="DM129" s="23">
        <f t="shared" si="9"/>
        <v>37.160507207109575</v>
      </c>
      <c r="DN129" s="50">
        <v>45010</v>
      </c>
      <c r="DO129" s="51">
        <v>45226</v>
      </c>
      <c r="DP129" s="51">
        <v>16979</v>
      </c>
      <c r="DQ129" s="51">
        <v>16999</v>
      </c>
      <c r="DR129" s="57">
        <f t="shared" si="10"/>
        <v>37.722728282603867</v>
      </c>
      <c r="DS129" s="23">
        <f t="shared" si="11"/>
        <v>37.586786361827265</v>
      </c>
    </row>
    <row r="130" spans="1:123" x14ac:dyDescent="0.2">
      <c r="A130" s="175"/>
      <c r="B130" s="176"/>
      <c r="C130" s="123" t="s">
        <v>62</v>
      </c>
      <c r="D130" s="27">
        <v>27505</v>
      </c>
      <c r="E130" s="25">
        <v>3822</v>
      </c>
      <c r="F130" s="26">
        <v>13.9</v>
      </c>
      <c r="G130" s="27">
        <v>27495</v>
      </c>
      <c r="H130" s="25">
        <v>4009</v>
      </c>
      <c r="I130" s="28">
        <v>14.6</v>
      </c>
      <c r="J130" s="24">
        <v>27227</v>
      </c>
      <c r="K130" s="25">
        <v>4151</v>
      </c>
      <c r="L130" s="26">
        <v>15.2</v>
      </c>
      <c r="M130" s="27">
        <v>26983</v>
      </c>
      <c r="N130" s="25">
        <v>4290</v>
      </c>
      <c r="O130" s="28">
        <v>15.9</v>
      </c>
      <c r="P130" s="24">
        <v>26733</v>
      </c>
      <c r="Q130" s="25">
        <v>4472</v>
      </c>
      <c r="R130" s="26">
        <v>16.7</v>
      </c>
      <c r="S130" s="27">
        <v>26614</v>
      </c>
      <c r="T130" s="25">
        <v>4720</v>
      </c>
      <c r="U130" s="62">
        <v>17.7</v>
      </c>
      <c r="V130" s="24">
        <v>26365</v>
      </c>
      <c r="W130" s="25">
        <v>4858</v>
      </c>
      <c r="X130" s="63">
        <v>18.399999999999999</v>
      </c>
      <c r="Y130" s="27">
        <v>26155</v>
      </c>
      <c r="Z130" s="25">
        <v>5047</v>
      </c>
      <c r="AA130" s="62">
        <v>19.3</v>
      </c>
      <c r="AB130" s="24">
        <v>26067</v>
      </c>
      <c r="AC130" s="25">
        <v>5212</v>
      </c>
      <c r="AD130" s="63">
        <v>20</v>
      </c>
      <c r="AE130" s="27">
        <v>25971</v>
      </c>
      <c r="AF130" s="25">
        <v>5355</v>
      </c>
      <c r="AG130" s="62">
        <v>20.6</v>
      </c>
      <c r="AH130" s="24">
        <v>25725</v>
      </c>
      <c r="AI130" s="25">
        <v>5508</v>
      </c>
      <c r="AJ130" s="63">
        <v>21.4</v>
      </c>
      <c r="AK130" s="27">
        <v>25563</v>
      </c>
      <c r="AL130" s="25">
        <v>5717</v>
      </c>
      <c r="AM130" s="62">
        <v>22.4</v>
      </c>
      <c r="AN130" s="24">
        <v>25609</v>
      </c>
      <c r="AO130" s="25">
        <v>5911</v>
      </c>
      <c r="AP130" s="63">
        <v>23.1</v>
      </c>
      <c r="AQ130" s="27">
        <v>25289</v>
      </c>
      <c r="AR130" s="25">
        <v>6014</v>
      </c>
      <c r="AS130" s="62">
        <v>23.8</v>
      </c>
      <c r="AT130" s="24">
        <v>25096</v>
      </c>
      <c r="AU130" s="25">
        <v>6202</v>
      </c>
      <c r="AV130" s="63">
        <v>24.7</v>
      </c>
      <c r="AW130" s="27">
        <v>24893</v>
      </c>
      <c r="AX130" s="25">
        <v>6263</v>
      </c>
      <c r="AY130" s="28">
        <v>25.2</v>
      </c>
      <c r="AZ130" s="24">
        <v>24697</v>
      </c>
      <c r="BA130" s="25">
        <v>6269</v>
      </c>
      <c r="BB130" s="63">
        <v>25.4</v>
      </c>
      <c r="BC130" s="27">
        <v>24470</v>
      </c>
      <c r="BD130" s="25">
        <v>6367</v>
      </c>
      <c r="BE130" s="28">
        <v>26</v>
      </c>
      <c r="BF130" s="24">
        <v>24207</v>
      </c>
      <c r="BG130" s="25">
        <v>24249</v>
      </c>
      <c r="BH130" s="25">
        <v>6551</v>
      </c>
      <c r="BI130" s="25">
        <v>6557</v>
      </c>
      <c r="BJ130" s="64">
        <v>27.1</v>
      </c>
      <c r="BK130" s="26">
        <v>27</v>
      </c>
      <c r="BL130" s="27">
        <v>24239</v>
      </c>
      <c r="BM130" s="25">
        <v>24280</v>
      </c>
      <c r="BN130" s="25">
        <v>6634</v>
      </c>
      <c r="BO130" s="25">
        <v>6640</v>
      </c>
      <c r="BP130" s="34">
        <v>27.4</v>
      </c>
      <c r="BQ130" s="62">
        <v>27.3</v>
      </c>
      <c r="BR130" s="24">
        <v>24073</v>
      </c>
      <c r="BS130" s="25">
        <v>24123</v>
      </c>
      <c r="BT130" s="25">
        <v>6866</v>
      </c>
      <c r="BU130" s="25">
        <v>6872</v>
      </c>
      <c r="BV130" s="34">
        <v>28.5</v>
      </c>
      <c r="BW130" s="26">
        <v>28.5</v>
      </c>
      <c r="BX130" s="27">
        <v>23804</v>
      </c>
      <c r="BY130" s="25">
        <v>23853</v>
      </c>
      <c r="BZ130" s="25">
        <v>6994</v>
      </c>
      <c r="CA130" s="25">
        <v>6999</v>
      </c>
      <c r="CB130" s="34">
        <v>29.4</v>
      </c>
      <c r="CC130" s="28">
        <v>29.3</v>
      </c>
      <c r="CD130" s="94">
        <v>23509</v>
      </c>
      <c r="CE130" s="25">
        <v>23564</v>
      </c>
      <c r="CF130" s="73">
        <v>7124</v>
      </c>
      <c r="CG130" s="25">
        <v>7130</v>
      </c>
      <c r="CH130" s="34">
        <v>30.3</v>
      </c>
      <c r="CI130" s="26">
        <v>30.3</v>
      </c>
      <c r="CJ130" s="27">
        <v>23233</v>
      </c>
      <c r="CK130" s="25">
        <v>23305</v>
      </c>
      <c r="CL130" s="25">
        <v>7267</v>
      </c>
      <c r="CM130" s="25">
        <v>7274</v>
      </c>
      <c r="CN130" s="34">
        <v>31.3</v>
      </c>
      <c r="CO130" s="28">
        <v>31.2</v>
      </c>
      <c r="CP130" s="24">
        <v>23035</v>
      </c>
      <c r="CQ130" s="25">
        <v>23130</v>
      </c>
      <c r="CR130" s="25">
        <v>7299</v>
      </c>
      <c r="CS130" s="25">
        <v>7307</v>
      </c>
      <c r="CT130" s="34">
        <v>31.7</v>
      </c>
      <c r="CU130" s="36">
        <v>31.6</v>
      </c>
      <c r="CV130" s="24">
        <v>22653</v>
      </c>
      <c r="CW130" s="25">
        <v>22749</v>
      </c>
      <c r="CX130" s="25">
        <v>7323</v>
      </c>
      <c r="CY130" s="25">
        <v>7331</v>
      </c>
      <c r="CZ130" s="34">
        <f t="shared" si="6"/>
        <v>32.299999999999997</v>
      </c>
      <c r="DA130" s="36">
        <f t="shared" si="7"/>
        <v>32.200000000000003</v>
      </c>
      <c r="DB130" s="24">
        <v>22377</v>
      </c>
      <c r="DC130" s="25">
        <v>22463</v>
      </c>
      <c r="DD130" s="25">
        <v>7336</v>
      </c>
      <c r="DE130" s="25">
        <v>7345</v>
      </c>
      <c r="DF130" s="34">
        <v>32.799999999999997</v>
      </c>
      <c r="DG130" s="36">
        <v>32.700000000000003</v>
      </c>
      <c r="DH130" s="24">
        <v>22062</v>
      </c>
      <c r="DI130" s="25">
        <v>22142</v>
      </c>
      <c r="DJ130" s="25">
        <v>7351</v>
      </c>
      <c r="DK130" s="25">
        <v>7360</v>
      </c>
      <c r="DL130" s="34">
        <f t="shared" si="8"/>
        <v>33.319735291451366</v>
      </c>
      <c r="DM130" s="36">
        <f t="shared" si="9"/>
        <v>33.239996386956918</v>
      </c>
      <c r="DN130" s="24">
        <v>21559</v>
      </c>
      <c r="DO130" s="25">
        <v>21663</v>
      </c>
      <c r="DP130" s="25">
        <v>7277</v>
      </c>
      <c r="DQ130" s="25">
        <v>7285</v>
      </c>
      <c r="DR130" s="34">
        <f t="shared" si="10"/>
        <v>33.753884688529148</v>
      </c>
      <c r="DS130" s="36">
        <f t="shared" si="11"/>
        <v>33.628767945344592</v>
      </c>
    </row>
    <row r="131" spans="1:123" x14ac:dyDescent="0.2">
      <c r="A131" s="175"/>
      <c r="B131" s="176"/>
      <c r="C131" s="122" t="s">
        <v>63</v>
      </c>
      <c r="D131" s="40">
        <v>29422</v>
      </c>
      <c r="E131" s="38">
        <v>4951</v>
      </c>
      <c r="F131" s="39">
        <v>16.8</v>
      </c>
      <c r="G131" s="40">
        <v>29362</v>
      </c>
      <c r="H131" s="38">
        <v>5195</v>
      </c>
      <c r="I131" s="41">
        <v>17.7</v>
      </c>
      <c r="J131" s="37">
        <v>29288</v>
      </c>
      <c r="K131" s="38">
        <v>5401</v>
      </c>
      <c r="L131" s="39">
        <v>18.399999999999999</v>
      </c>
      <c r="M131" s="40">
        <v>29190</v>
      </c>
      <c r="N131" s="38">
        <v>5672</v>
      </c>
      <c r="O131" s="41">
        <v>19.399999999999999</v>
      </c>
      <c r="P131" s="37">
        <v>29012</v>
      </c>
      <c r="Q131" s="38">
        <v>5831</v>
      </c>
      <c r="R131" s="39">
        <v>20.100000000000001</v>
      </c>
      <c r="S131" s="40">
        <v>28889</v>
      </c>
      <c r="T131" s="38">
        <v>6065</v>
      </c>
      <c r="U131" s="67">
        <v>21</v>
      </c>
      <c r="V131" s="37">
        <v>28712</v>
      </c>
      <c r="W131" s="38">
        <v>6290</v>
      </c>
      <c r="X131" s="68">
        <v>21.9</v>
      </c>
      <c r="Y131" s="40">
        <v>28518</v>
      </c>
      <c r="Z131" s="38">
        <v>6549</v>
      </c>
      <c r="AA131" s="67">
        <v>23</v>
      </c>
      <c r="AB131" s="37">
        <v>28436</v>
      </c>
      <c r="AC131" s="38">
        <v>6772</v>
      </c>
      <c r="AD131" s="68">
        <v>23.8</v>
      </c>
      <c r="AE131" s="40">
        <v>28366</v>
      </c>
      <c r="AF131" s="38">
        <v>6997</v>
      </c>
      <c r="AG131" s="67">
        <v>24.7</v>
      </c>
      <c r="AH131" s="37">
        <v>28198</v>
      </c>
      <c r="AI131" s="38">
        <v>7185</v>
      </c>
      <c r="AJ131" s="68">
        <v>25.5</v>
      </c>
      <c r="AK131" s="40">
        <v>28059</v>
      </c>
      <c r="AL131" s="38">
        <v>7411</v>
      </c>
      <c r="AM131" s="67">
        <v>26.4</v>
      </c>
      <c r="AN131" s="37">
        <v>27898</v>
      </c>
      <c r="AO131" s="38">
        <v>7628</v>
      </c>
      <c r="AP131" s="68">
        <v>27.3</v>
      </c>
      <c r="AQ131" s="40">
        <v>27616</v>
      </c>
      <c r="AR131" s="38">
        <v>7847</v>
      </c>
      <c r="AS131" s="67">
        <v>28.4</v>
      </c>
      <c r="AT131" s="37">
        <v>27476</v>
      </c>
      <c r="AU131" s="38">
        <v>8152</v>
      </c>
      <c r="AV131" s="68">
        <v>29.7</v>
      </c>
      <c r="AW131" s="40">
        <v>27306</v>
      </c>
      <c r="AX131" s="38">
        <v>8269</v>
      </c>
      <c r="AY131" s="41">
        <v>30.3</v>
      </c>
      <c r="AZ131" s="37">
        <v>27195</v>
      </c>
      <c r="BA131" s="38">
        <v>8399</v>
      </c>
      <c r="BB131" s="68">
        <v>30.9</v>
      </c>
      <c r="BC131" s="40">
        <v>27004</v>
      </c>
      <c r="BD131" s="38">
        <v>8553</v>
      </c>
      <c r="BE131" s="41">
        <v>31.7</v>
      </c>
      <c r="BF131" s="37">
        <v>26679</v>
      </c>
      <c r="BG131" s="38">
        <v>26736</v>
      </c>
      <c r="BH131" s="38">
        <v>8771</v>
      </c>
      <c r="BI131" s="38">
        <v>8783</v>
      </c>
      <c r="BJ131" s="69">
        <v>32.9</v>
      </c>
      <c r="BK131" s="39">
        <v>32.9</v>
      </c>
      <c r="BL131" s="40">
        <v>26558</v>
      </c>
      <c r="BM131" s="38">
        <v>26609</v>
      </c>
      <c r="BN131" s="38">
        <v>8933</v>
      </c>
      <c r="BO131" s="38">
        <v>8945</v>
      </c>
      <c r="BP131" s="47">
        <v>33.6</v>
      </c>
      <c r="BQ131" s="67">
        <v>33.6</v>
      </c>
      <c r="BR131" s="37">
        <v>26389</v>
      </c>
      <c r="BS131" s="38">
        <v>26448</v>
      </c>
      <c r="BT131" s="38">
        <v>9276</v>
      </c>
      <c r="BU131" s="38">
        <v>9287</v>
      </c>
      <c r="BV131" s="47">
        <v>35.200000000000003</v>
      </c>
      <c r="BW131" s="39">
        <v>35.1</v>
      </c>
      <c r="BX131" s="40">
        <v>26179</v>
      </c>
      <c r="BY131" s="38">
        <v>26248</v>
      </c>
      <c r="BZ131" s="38">
        <v>9516</v>
      </c>
      <c r="CA131" s="38">
        <v>9527</v>
      </c>
      <c r="CB131" s="47">
        <v>36.299999999999997</v>
      </c>
      <c r="CC131" s="41">
        <v>36.299999999999997</v>
      </c>
      <c r="CD131" s="95">
        <v>25787</v>
      </c>
      <c r="CE131" s="38">
        <v>25876</v>
      </c>
      <c r="CF131" s="74">
        <v>9602</v>
      </c>
      <c r="CG131" s="38">
        <v>9613</v>
      </c>
      <c r="CH131" s="47">
        <v>37.200000000000003</v>
      </c>
      <c r="CI131" s="39">
        <v>37.200000000000003</v>
      </c>
      <c r="CJ131" s="40">
        <v>25458</v>
      </c>
      <c r="CK131" s="38">
        <v>25547</v>
      </c>
      <c r="CL131" s="38">
        <v>9775</v>
      </c>
      <c r="CM131" s="38">
        <v>9787</v>
      </c>
      <c r="CN131" s="47">
        <v>38.4</v>
      </c>
      <c r="CO131" s="41">
        <v>38.299999999999997</v>
      </c>
      <c r="CP131" s="37">
        <v>25143</v>
      </c>
      <c r="CQ131" s="38">
        <v>25265</v>
      </c>
      <c r="CR131" s="38">
        <v>9817</v>
      </c>
      <c r="CS131" s="38">
        <v>9831</v>
      </c>
      <c r="CT131" s="47">
        <v>39</v>
      </c>
      <c r="CU131" s="49">
        <v>38.9</v>
      </c>
      <c r="CV131" s="37">
        <v>24714</v>
      </c>
      <c r="CW131" s="38">
        <v>24859</v>
      </c>
      <c r="CX131" s="38">
        <v>9857</v>
      </c>
      <c r="CY131" s="38">
        <v>9870</v>
      </c>
      <c r="CZ131" s="47">
        <f t="shared" si="6"/>
        <v>39.9</v>
      </c>
      <c r="DA131" s="49">
        <f t="shared" si="7"/>
        <v>39.700000000000003</v>
      </c>
      <c r="DB131" s="37">
        <v>24274</v>
      </c>
      <c r="DC131" s="38">
        <v>24370</v>
      </c>
      <c r="DD131" s="38">
        <v>9811</v>
      </c>
      <c r="DE131" s="38">
        <v>9825</v>
      </c>
      <c r="DF131" s="47">
        <v>40.4</v>
      </c>
      <c r="DG131" s="49">
        <v>40.299999999999997</v>
      </c>
      <c r="DH131" s="37">
        <v>23912</v>
      </c>
      <c r="DI131" s="38">
        <v>23993</v>
      </c>
      <c r="DJ131" s="38">
        <v>9773</v>
      </c>
      <c r="DK131" s="38">
        <v>9784</v>
      </c>
      <c r="DL131" s="21">
        <f t="shared" si="8"/>
        <v>40.870692539310802</v>
      </c>
      <c r="DM131" s="49">
        <f t="shared" si="9"/>
        <v>40.778560413453924</v>
      </c>
      <c r="DN131" s="37">
        <v>23451</v>
      </c>
      <c r="DO131" s="38">
        <v>23563</v>
      </c>
      <c r="DP131" s="38">
        <v>9702</v>
      </c>
      <c r="DQ131" s="38">
        <v>9714</v>
      </c>
      <c r="DR131" s="21">
        <f t="shared" si="10"/>
        <v>41.371370090827689</v>
      </c>
      <c r="DS131" s="49">
        <f t="shared" si="11"/>
        <v>41.225650384076729</v>
      </c>
    </row>
    <row r="132" spans="1:123" x14ac:dyDescent="0.2">
      <c r="A132" s="175" t="s">
        <v>54</v>
      </c>
      <c r="B132" s="176"/>
      <c r="C132" s="121" t="s">
        <v>61</v>
      </c>
      <c r="D132" s="53">
        <v>61677</v>
      </c>
      <c r="E132" s="51">
        <v>6321</v>
      </c>
      <c r="F132" s="52">
        <v>10.199999999999999</v>
      </c>
      <c r="G132" s="53">
        <v>62520</v>
      </c>
      <c r="H132" s="51">
        <v>6850</v>
      </c>
      <c r="I132" s="54">
        <v>11</v>
      </c>
      <c r="J132" s="50">
        <v>63638</v>
      </c>
      <c r="K132" s="51">
        <v>7323</v>
      </c>
      <c r="L132" s="52">
        <v>11.5</v>
      </c>
      <c r="M132" s="53">
        <v>64229</v>
      </c>
      <c r="N132" s="51">
        <v>7870</v>
      </c>
      <c r="O132" s="54">
        <v>12.3</v>
      </c>
      <c r="P132" s="50">
        <v>64567</v>
      </c>
      <c r="Q132" s="51">
        <v>8335</v>
      </c>
      <c r="R132" s="52">
        <v>12.9</v>
      </c>
      <c r="S132" s="53">
        <v>64873</v>
      </c>
      <c r="T132" s="51">
        <v>8839</v>
      </c>
      <c r="U132" s="58">
        <v>13.6</v>
      </c>
      <c r="V132" s="50">
        <v>65319</v>
      </c>
      <c r="W132" s="51">
        <v>9400</v>
      </c>
      <c r="X132" s="55">
        <v>14.4</v>
      </c>
      <c r="Y132" s="53">
        <v>65574</v>
      </c>
      <c r="Z132" s="51">
        <v>9927</v>
      </c>
      <c r="AA132" s="58">
        <v>15.1</v>
      </c>
      <c r="AB132" s="50">
        <v>66297</v>
      </c>
      <c r="AC132" s="51">
        <v>10452</v>
      </c>
      <c r="AD132" s="55">
        <v>15.8</v>
      </c>
      <c r="AE132" s="53">
        <v>66760</v>
      </c>
      <c r="AF132" s="51">
        <v>10930</v>
      </c>
      <c r="AG132" s="58">
        <v>16.399999999999999</v>
      </c>
      <c r="AH132" s="50">
        <v>67263</v>
      </c>
      <c r="AI132" s="51">
        <v>11404</v>
      </c>
      <c r="AJ132" s="55">
        <v>17</v>
      </c>
      <c r="AK132" s="53">
        <v>67594</v>
      </c>
      <c r="AL132" s="51">
        <v>11910</v>
      </c>
      <c r="AM132" s="58">
        <v>17.600000000000001</v>
      </c>
      <c r="AN132" s="50">
        <v>67969</v>
      </c>
      <c r="AO132" s="51">
        <v>12506</v>
      </c>
      <c r="AP132" s="55">
        <v>18.399999999999999</v>
      </c>
      <c r="AQ132" s="53">
        <v>68469</v>
      </c>
      <c r="AR132" s="51">
        <v>12994</v>
      </c>
      <c r="AS132" s="58">
        <v>19</v>
      </c>
      <c r="AT132" s="50">
        <v>68483</v>
      </c>
      <c r="AU132" s="51">
        <v>13531</v>
      </c>
      <c r="AV132" s="55">
        <v>19.8</v>
      </c>
      <c r="AW132" s="53">
        <v>68571</v>
      </c>
      <c r="AX132" s="51">
        <v>13969</v>
      </c>
      <c r="AY132" s="54">
        <v>20.399999999999999</v>
      </c>
      <c r="AZ132" s="50">
        <v>68853</v>
      </c>
      <c r="BA132" s="51">
        <v>14332</v>
      </c>
      <c r="BB132" s="55">
        <v>20.8</v>
      </c>
      <c r="BC132" s="53">
        <v>68754</v>
      </c>
      <c r="BD132" s="51">
        <v>14823</v>
      </c>
      <c r="BE132" s="54">
        <v>21.6</v>
      </c>
      <c r="BF132" s="50">
        <v>68577</v>
      </c>
      <c r="BG132" s="51">
        <v>68797</v>
      </c>
      <c r="BH132" s="51">
        <v>15482</v>
      </c>
      <c r="BI132" s="51">
        <v>15494</v>
      </c>
      <c r="BJ132" s="56">
        <v>22.6</v>
      </c>
      <c r="BK132" s="52">
        <v>22.5</v>
      </c>
      <c r="BL132" s="53">
        <v>68653</v>
      </c>
      <c r="BM132" s="51">
        <v>68893</v>
      </c>
      <c r="BN132" s="51">
        <v>15959</v>
      </c>
      <c r="BO132" s="51">
        <v>15972</v>
      </c>
      <c r="BP132" s="57">
        <v>23.2</v>
      </c>
      <c r="BQ132" s="58">
        <v>23.2</v>
      </c>
      <c r="BR132" s="50">
        <v>68731</v>
      </c>
      <c r="BS132" s="51">
        <v>68956</v>
      </c>
      <c r="BT132" s="51">
        <v>16715</v>
      </c>
      <c r="BU132" s="51">
        <v>16730</v>
      </c>
      <c r="BV132" s="57">
        <v>24.3</v>
      </c>
      <c r="BW132" s="52">
        <v>24.3</v>
      </c>
      <c r="BX132" s="59">
        <v>68834</v>
      </c>
      <c r="BY132" s="51">
        <v>69073</v>
      </c>
      <c r="BZ132" s="72">
        <v>17352</v>
      </c>
      <c r="CA132" s="51">
        <v>17368</v>
      </c>
      <c r="CB132" s="57">
        <v>25.2</v>
      </c>
      <c r="CC132" s="54">
        <v>25.1</v>
      </c>
      <c r="CD132" s="93">
        <v>68949</v>
      </c>
      <c r="CE132" s="51">
        <v>69227</v>
      </c>
      <c r="CF132" s="72">
        <v>17873</v>
      </c>
      <c r="CG132" s="51">
        <v>17890</v>
      </c>
      <c r="CH132" s="57">
        <v>25.9</v>
      </c>
      <c r="CI132" s="52">
        <v>25.8</v>
      </c>
      <c r="CJ132" s="53">
        <v>69190</v>
      </c>
      <c r="CK132" s="51">
        <v>69521</v>
      </c>
      <c r="CL132" s="51">
        <v>18409</v>
      </c>
      <c r="CM132" s="51">
        <v>18429</v>
      </c>
      <c r="CN132" s="57">
        <v>26.6</v>
      </c>
      <c r="CO132" s="54">
        <v>26.5</v>
      </c>
      <c r="CP132" s="50">
        <v>69432</v>
      </c>
      <c r="CQ132" s="51">
        <v>69850</v>
      </c>
      <c r="CR132" s="51">
        <v>18870</v>
      </c>
      <c r="CS132" s="51">
        <v>18890</v>
      </c>
      <c r="CT132" s="57">
        <v>27.2</v>
      </c>
      <c r="CU132" s="61">
        <v>27</v>
      </c>
      <c r="CV132" s="50">
        <v>69552</v>
      </c>
      <c r="CW132" s="51">
        <v>70049</v>
      </c>
      <c r="CX132" s="51">
        <v>19183</v>
      </c>
      <c r="CY132" s="51">
        <v>19202</v>
      </c>
      <c r="CZ132" s="21">
        <f t="shared" si="6"/>
        <v>27.6</v>
      </c>
      <c r="DA132" s="23">
        <f t="shared" si="7"/>
        <v>27.4</v>
      </c>
      <c r="DB132" s="50">
        <v>69622</v>
      </c>
      <c r="DC132" s="51">
        <v>70097</v>
      </c>
      <c r="DD132" s="51">
        <v>19576</v>
      </c>
      <c r="DE132" s="51">
        <v>19595</v>
      </c>
      <c r="DF132" s="21">
        <v>28.1</v>
      </c>
      <c r="DG132" s="23">
        <v>28</v>
      </c>
      <c r="DH132" s="50">
        <v>69626</v>
      </c>
      <c r="DI132" s="51">
        <v>70108</v>
      </c>
      <c r="DJ132" s="51">
        <v>19848</v>
      </c>
      <c r="DK132" s="51">
        <v>19866</v>
      </c>
      <c r="DL132" s="57">
        <f t="shared" si="8"/>
        <v>28.506592364921151</v>
      </c>
      <c r="DM132" s="23">
        <f t="shared" si="9"/>
        <v>28.336281166200717</v>
      </c>
      <c r="DN132" s="50">
        <v>69635</v>
      </c>
      <c r="DO132" s="51">
        <v>70179</v>
      </c>
      <c r="DP132" s="51">
        <v>19991</v>
      </c>
      <c r="DQ132" s="51">
        <v>20008</v>
      </c>
      <c r="DR132" s="57">
        <f t="shared" si="10"/>
        <v>28.708264522151218</v>
      </c>
      <c r="DS132" s="23">
        <f t="shared" si="11"/>
        <v>28.509953119879167</v>
      </c>
    </row>
    <row r="133" spans="1:123" x14ac:dyDescent="0.2">
      <c r="A133" s="175"/>
      <c r="B133" s="176"/>
      <c r="C133" s="123" t="s">
        <v>62</v>
      </c>
      <c r="D133" s="27">
        <v>31225</v>
      </c>
      <c r="E133" s="25">
        <v>2913</v>
      </c>
      <c r="F133" s="26">
        <v>9.3000000000000007</v>
      </c>
      <c r="G133" s="27">
        <v>31589</v>
      </c>
      <c r="H133" s="25">
        <v>3178</v>
      </c>
      <c r="I133" s="28">
        <v>10.1</v>
      </c>
      <c r="J133" s="24">
        <v>32135</v>
      </c>
      <c r="K133" s="25">
        <v>3405</v>
      </c>
      <c r="L133" s="26">
        <v>10.6</v>
      </c>
      <c r="M133" s="27">
        <v>32399</v>
      </c>
      <c r="N133" s="25">
        <v>3681</v>
      </c>
      <c r="O133" s="28">
        <v>11.4</v>
      </c>
      <c r="P133" s="24">
        <v>32482</v>
      </c>
      <c r="Q133" s="25">
        <v>3886</v>
      </c>
      <c r="R133" s="26">
        <v>12</v>
      </c>
      <c r="S133" s="27">
        <v>32473</v>
      </c>
      <c r="T133" s="25">
        <v>4129</v>
      </c>
      <c r="U133" s="62">
        <v>12.7</v>
      </c>
      <c r="V133" s="24">
        <v>32691</v>
      </c>
      <c r="W133" s="25">
        <v>4388</v>
      </c>
      <c r="X133" s="63">
        <v>13.4</v>
      </c>
      <c r="Y133" s="27">
        <v>32753</v>
      </c>
      <c r="Z133" s="25">
        <v>4602</v>
      </c>
      <c r="AA133" s="62">
        <v>14.1</v>
      </c>
      <c r="AB133" s="24">
        <v>33133</v>
      </c>
      <c r="AC133" s="25">
        <v>4830</v>
      </c>
      <c r="AD133" s="63">
        <v>14.6</v>
      </c>
      <c r="AE133" s="27">
        <v>33223</v>
      </c>
      <c r="AF133" s="25">
        <v>5023</v>
      </c>
      <c r="AG133" s="62">
        <v>15.1</v>
      </c>
      <c r="AH133" s="24">
        <v>33404</v>
      </c>
      <c r="AI133" s="25">
        <v>5215</v>
      </c>
      <c r="AJ133" s="63">
        <v>15.6</v>
      </c>
      <c r="AK133" s="27">
        <v>33515</v>
      </c>
      <c r="AL133" s="25">
        <v>5438</v>
      </c>
      <c r="AM133" s="62">
        <v>16.2</v>
      </c>
      <c r="AN133" s="24">
        <v>33608</v>
      </c>
      <c r="AO133" s="25">
        <v>5671</v>
      </c>
      <c r="AP133" s="63">
        <v>16.899999999999999</v>
      </c>
      <c r="AQ133" s="27">
        <v>33765</v>
      </c>
      <c r="AR133" s="25">
        <v>5868</v>
      </c>
      <c r="AS133" s="62">
        <v>17.399999999999999</v>
      </c>
      <c r="AT133" s="24">
        <v>33734</v>
      </c>
      <c r="AU133" s="25">
        <v>6043</v>
      </c>
      <c r="AV133" s="63">
        <v>17.899999999999999</v>
      </c>
      <c r="AW133" s="27">
        <v>33772</v>
      </c>
      <c r="AX133" s="25">
        <v>6242</v>
      </c>
      <c r="AY133" s="28">
        <v>18.5</v>
      </c>
      <c r="AZ133" s="24">
        <v>33808</v>
      </c>
      <c r="BA133" s="25">
        <v>6382</v>
      </c>
      <c r="BB133" s="63">
        <v>18.899999999999999</v>
      </c>
      <c r="BC133" s="27">
        <v>33718</v>
      </c>
      <c r="BD133" s="25">
        <v>6585</v>
      </c>
      <c r="BE133" s="28">
        <v>19.5</v>
      </c>
      <c r="BF133" s="24">
        <v>33496</v>
      </c>
      <c r="BG133" s="25">
        <v>33584</v>
      </c>
      <c r="BH133" s="25">
        <v>6868</v>
      </c>
      <c r="BI133" s="25">
        <v>6874</v>
      </c>
      <c r="BJ133" s="64">
        <v>20.5</v>
      </c>
      <c r="BK133" s="26">
        <v>20.5</v>
      </c>
      <c r="BL133" s="27">
        <v>33516</v>
      </c>
      <c r="BM133" s="25">
        <v>33604</v>
      </c>
      <c r="BN133" s="25">
        <v>7078</v>
      </c>
      <c r="BO133" s="25">
        <v>7085</v>
      </c>
      <c r="BP133" s="34">
        <v>21.1</v>
      </c>
      <c r="BQ133" s="62">
        <v>21.1</v>
      </c>
      <c r="BR133" s="24">
        <v>33485</v>
      </c>
      <c r="BS133" s="25">
        <v>33579</v>
      </c>
      <c r="BT133" s="25">
        <v>7389</v>
      </c>
      <c r="BU133" s="25">
        <v>7398</v>
      </c>
      <c r="BV133" s="34">
        <v>22.1</v>
      </c>
      <c r="BW133" s="26">
        <v>22</v>
      </c>
      <c r="BX133" s="65">
        <v>33513</v>
      </c>
      <c r="BY133" s="25">
        <v>33629</v>
      </c>
      <c r="BZ133" s="73">
        <v>7667</v>
      </c>
      <c r="CA133" s="25">
        <v>7677</v>
      </c>
      <c r="CB133" s="34">
        <v>22.9</v>
      </c>
      <c r="CC133" s="28">
        <v>22.8</v>
      </c>
      <c r="CD133" s="94">
        <v>33498</v>
      </c>
      <c r="CE133" s="25">
        <v>33624</v>
      </c>
      <c r="CF133" s="73">
        <v>7869</v>
      </c>
      <c r="CG133" s="25">
        <v>7879</v>
      </c>
      <c r="CH133" s="34">
        <v>23.5</v>
      </c>
      <c r="CI133" s="26">
        <v>23.4</v>
      </c>
      <c r="CJ133" s="27">
        <v>33655</v>
      </c>
      <c r="CK133" s="25">
        <v>33814</v>
      </c>
      <c r="CL133" s="25">
        <v>8088</v>
      </c>
      <c r="CM133" s="25">
        <v>8099</v>
      </c>
      <c r="CN133" s="34">
        <v>24</v>
      </c>
      <c r="CO133" s="28">
        <v>24</v>
      </c>
      <c r="CP133" s="24">
        <v>33751</v>
      </c>
      <c r="CQ133" s="25">
        <v>33963</v>
      </c>
      <c r="CR133" s="25">
        <v>8291</v>
      </c>
      <c r="CS133" s="25">
        <v>8303</v>
      </c>
      <c r="CT133" s="34">
        <v>24.6</v>
      </c>
      <c r="CU133" s="36">
        <v>24.4</v>
      </c>
      <c r="CV133" s="24">
        <v>33847</v>
      </c>
      <c r="CW133" s="25">
        <v>34097</v>
      </c>
      <c r="CX133" s="25">
        <v>8379</v>
      </c>
      <c r="CY133" s="25">
        <v>8390</v>
      </c>
      <c r="CZ133" s="34">
        <f t="shared" si="6"/>
        <v>24.8</v>
      </c>
      <c r="DA133" s="36">
        <f t="shared" si="7"/>
        <v>24.6</v>
      </c>
      <c r="DB133" s="24">
        <v>33875</v>
      </c>
      <c r="DC133" s="25">
        <v>34124</v>
      </c>
      <c r="DD133" s="25">
        <v>8550</v>
      </c>
      <c r="DE133" s="25">
        <v>8561</v>
      </c>
      <c r="DF133" s="34">
        <v>25.2</v>
      </c>
      <c r="DG133" s="36">
        <v>25.1</v>
      </c>
      <c r="DH133" s="24">
        <v>33886</v>
      </c>
      <c r="DI133" s="25">
        <v>34141</v>
      </c>
      <c r="DJ133" s="25">
        <v>8652</v>
      </c>
      <c r="DK133" s="25">
        <v>8663</v>
      </c>
      <c r="DL133" s="34">
        <f t="shared" si="8"/>
        <v>25.532668358614174</v>
      </c>
      <c r="DM133" s="36">
        <f t="shared" si="9"/>
        <v>25.37418353299552</v>
      </c>
      <c r="DN133" s="24">
        <v>33873</v>
      </c>
      <c r="DO133" s="25">
        <v>34178</v>
      </c>
      <c r="DP133" s="25">
        <v>8723</v>
      </c>
      <c r="DQ133" s="25">
        <v>8733</v>
      </c>
      <c r="DR133" s="34">
        <f t="shared" si="10"/>
        <v>25.752073923183655</v>
      </c>
      <c r="DS133" s="36">
        <f t="shared" si="11"/>
        <v>25.5515243724033</v>
      </c>
    </row>
    <row r="134" spans="1:123" x14ac:dyDescent="0.2">
      <c r="A134" s="175"/>
      <c r="B134" s="176"/>
      <c r="C134" s="122" t="s">
        <v>63</v>
      </c>
      <c r="D134" s="40">
        <v>30452</v>
      </c>
      <c r="E134" s="38">
        <v>3408</v>
      </c>
      <c r="F134" s="39">
        <v>11.2</v>
      </c>
      <c r="G134" s="40">
        <v>30931</v>
      </c>
      <c r="H134" s="38">
        <v>3672</v>
      </c>
      <c r="I134" s="41">
        <v>11.9</v>
      </c>
      <c r="J134" s="37">
        <v>31503</v>
      </c>
      <c r="K134" s="38">
        <v>3918</v>
      </c>
      <c r="L134" s="39">
        <v>12.4</v>
      </c>
      <c r="M134" s="40">
        <v>31830</v>
      </c>
      <c r="N134" s="38">
        <v>4189</v>
      </c>
      <c r="O134" s="41">
        <v>13.2</v>
      </c>
      <c r="P134" s="37">
        <v>32085</v>
      </c>
      <c r="Q134" s="38">
        <v>4449</v>
      </c>
      <c r="R134" s="39">
        <v>13.9</v>
      </c>
      <c r="S134" s="40">
        <v>32400</v>
      </c>
      <c r="T134" s="38">
        <v>4710</v>
      </c>
      <c r="U134" s="67">
        <v>14.5</v>
      </c>
      <c r="V134" s="37">
        <v>32628</v>
      </c>
      <c r="W134" s="38">
        <v>5012</v>
      </c>
      <c r="X134" s="68">
        <v>15.4</v>
      </c>
      <c r="Y134" s="40">
        <v>32821</v>
      </c>
      <c r="Z134" s="38">
        <v>5325</v>
      </c>
      <c r="AA134" s="67">
        <v>16.2</v>
      </c>
      <c r="AB134" s="37">
        <v>33164</v>
      </c>
      <c r="AC134" s="38">
        <v>5622</v>
      </c>
      <c r="AD134" s="68">
        <v>17</v>
      </c>
      <c r="AE134" s="40">
        <v>33537</v>
      </c>
      <c r="AF134" s="38">
        <v>5907</v>
      </c>
      <c r="AG134" s="67">
        <v>17.600000000000001</v>
      </c>
      <c r="AH134" s="37">
        <v>33859</v>
      </c>
      <c r="AI134" s="38">
        <v>6189</v>
      </c>
      <c r="AJ134" s="68">
        <v>18.3</v>
      </c>
      <c r="AK134" s="40">
        <v>34079</v>
      </c>
      <c r="AL134" s="38">
        <v>6472</v>
      </c>
      <c r="AM134" s="67">
        <v>19</v>
      </c>
      <c r="AN134" s="37">
        <v>34361</v>
      </c>
      <c r="AO134" s="38">
        <v>6835</v>
      </c>
      <c r="AP134" s="68">
        <v>19.899999999999999</v>
      </c>
      <c r="AQ134" s="40">
        <v>34704</v>
      </c>
      <c r="AR134" s="38">
        <v>7126</v>
      </c>
      <c r="AS134" s="67">
        <v>20.5</v>
      </c>
      <c r="AT134" s="37">
        <v>34749</v>
      </c>
      <c r="AU134" s="38">
        <v>7488</v>
      </c>
      <c r="AV134" s="68">
        <v>21.5</v>
      </c>
      <c r="AW134" s="40">
        <v>34799</v>
      </c>
      <c r="AX134" s="38">
        <v>7727</v>
      </c>
      <c r="AY134" s="41">
        <v>22.2</v>
      </c>
      <c r="AZ134" s="37">
        <v>35045</v>
      </c>
      <c r="BA134" s="38">
        <v>7950</v>
      </c>
      <c r="BB134" s="68">
        <v>22.7</v>
      </c>
      <c r="BC134" s="40">
        <v>35036</v>
      </c>
      <c r="BD134" s="38">
        <v>8238</v>
      </c>
      <c r="BE134" s="41">
        <v>23.5</v>
      </c>
      <c r="BF134" s="37">
        <v>35081</v>
      </c>
      <c r="BG134" s="38">
        <v>35213</v>
      </c>
      <c r="BH134" s="38">
        <v>8614</v>
      </c>
      <c r="BI134" s="38">
        <v>8620</v>
      </c>
      <c r="BJ134" s="69">
        <v>24.6</v>
      </c>
      <c r="BK134" s="39">
        <v>24.5</v>
      </c>
      <c r="BL134" s="40">
        <v>35137</v>
      </c>
      <c r="BM134" s="38">
        <v>35289</v>
      </c>
      <c r="BN134" s="38">
        <v>8881</v>
      </c>
      <c r="BO134" s="38">
        <v>8887</v>
      </c>
      <c r="BP134" s="47">
        <v>25.3</v>
      </c>
      <c r="BQ134" s="67">
        <v>25.2</v>
      </c>
      <c r="BR134" s="37">
        <v>35246</v>
      </c>
      <c r="BS134" s="38">
        <v>35377</v>
      </c>
      <c r="BT134" s="38">
        <v>9326</v>
      </c>
      <c r="BU134" s="38">
        <v>9332</v>
      </c>
      <c r="BV134" s="47">
        <v>26.5</v>
      </c>
      <c r="BW134" s="39">
        <v>26.4</v>
      </c>
      <c r="BX134" s="70">
        <v>35321</v>
      </c>
      <c r="BY134" s="38">
        <v>35444</v>
      </c>
      <c r="BZ134" s="74">
        <v>9685</v>
      </c>
      <c r="CA134" s="38">
        <v>9691</v>
      </c>
      <c r="CB134" s="47">
        <v>27.4</v>
      </c>
      <c r="CC134" s="41">
        <v>27.3</v>
      </c>
      <c r="CD134" s="95">
        <v>35451</v>
      </c>
      <c r="CE134" s="38">
        <v>35603</v>
      </c>
      <c r="CF134" s="74">
        <v>10004</v>
      </c>
      <c r="CG134" s="38">
        <v>10011</v>
      </c>
      <c r="CH134" s="47">
        <v>28.2</v>
      </c>
      <c r="CI134" s="39">
        <v>28.1</v>
      </c>
      <c r="CJ134" s="40">
        <v>35535</v>
      </c>
      <c r="CK134" s="38">
        <v>35707</v>
      </c>
      <c r="CL134" s="38">
        <v>10321</v>
      </c>
      <c r="CM134" s="38">
        <v>10330</v>
      </c>
      <c r="CN134" s="47">
        <v>29</v>
      </c>
      <c r="CO134" s="41">
        <v>28.9</v>
      </c>
      <c r="CP134" s="37">
        <v>35681</v>
      </c>
      <c r="CQ134" s="38">
        <v>35887</v>
      </c>
      <c r="CR134" s="38">
        <v>10579</v>
      </c>
      <c r="CS134" s="38">
        <v>10587</v>
      </c>
      <c r="CT134" s="47">
        <v>29.6</v>
      </c>
      <c r="CU134" s="49">
        <v>29.5</v>
      </c>
      <c r="CV134" s="37">
        <v>35705</v>
      </c>
      <c r="CW134" s="38">
        <v>35952</v>
      </c>
      <c r="CX134" s="38">
        <v>10804</v>
      </c>
      <c r="CY134" s="38">
        <v>10812</v>
      </c>
      <c r="CZ134" s="47">
        <f t="shared" si="6"/>
        <v>30.3</v>
      </c>
      <c r="DA134" s="49">
        <f t="shared" si="7"/>
        <v>30.1</v>
      </c>
      <c r="DB134" s="37">
        <v>35747</v>
      </c>
      <c r="DC134" s="38">
        <v>35973</v>
      </c>
      <c r="DD134" s="38">
        <v>11026</v>
      </c>
      <c r="DE134" s="38">
        <v>11034</v>
      </c>
      <c r="DF134" s="47">
        <v>30.8</v>
      </c>
      <c r="DG134" s="49">
        <v>30.7</v>
      </c>
      <c r="DH134" s="37">
        <v>35740</v>
      </c>
      <c r="DI134" s="38">
        <v>35967</v>
      </c>
      <c r="DJ134" s="38">
        <v>11196</v>
      </c>
      <c r="DK134" s="38">
        <v>11203</v>
      </c>
      <c r="DL134" s="21">
        <f t="shared" si="8"/>
        <v>31.326245103525462</v>
      </c>
      <c r="DM134" s="23">
        <f t="shared" si="9"/>
        <v>31.147996774821362</v>
      </c>
      <c r="DN134" s="37">
        <v>35762</v>
      </c>
      <c r="DO134" s="38">
        <v>36001</v>
      </c>
      <c r="DP134" s="38">
        <v>11268</v>
      </c>
      <c r="DQ134" s="38">
        <v>11275</v>
      </c>
      <c r="DR134" s="21">
        <f t="shared" si="10"/>
        <v>31.508304904647389</v>
      </c>
      <c r="DS134" s="23">
        <f t="shared" si="11"/>
        <v>31.318574484042109</v>
      </c>
    </row>
    <row r="135" spans="1:123" x14ac:dyDescent="0.2">
      <c r="A135" s="175" t="s">
        <v>55</v>
      </c>
      <c r="B135" s="176"/>
      <c r="C135" s="121" t="s">
        <v>61</v>
      </c>
      <c r="D135" s="53">
        <v>35251</v>
      </c>
      <c r="E135" s="51">
        <v>6354</v>
      </c>
      <c r="F135" s="52">
        <v>18</v>
      </c>
      <c r="G135" s="53">
        <v>35145</v>
      </c>
      <c r="H135" s="51">
        <v>6328</v>
      </c>
      <c r="I135" s="54">
        <v>18</v>
      </c>
      <c r="J135" s="50">
        <v>35296</v>
      </c>
      <c r="K135" s="51">
        <v>6912</v>
      </c>
      <c r="L135" s="52">
        <v>19.600000000000001</v>
      </c>
      <c r="M135" s="53">
        <v>35173</v>
      </c>
      <c r="N135" s="51">
        <v>7212</v>
      </c>
      <c r="O135" s="54">
        <v>20.5</v>
      </c>
      <c r="P135" s="50">
        <v>35270</v>
      </c>
      <c r="Q135" s="51">
        <v>7474</v>
      </c>
      <c r="R135" s="52">
        <v>21.2</v>
      </c>
      <c r="S135" s="53">
        <v>35434</v>
      </c>
      <c r="T135" s="51">
        <v>7829</v>
      </c>
      <c r="U135" s="58">
        <v>22.1</v>
      </c>
      <c r="V135" s="50">
        <v>35525</v>
      </c>
      <c r="W135" s="51">
        <v>8152</v>
      </c>
      <c r="X135" s="55">
        <v>22.9</v>
      </c>
      <c r="Y135" s="53">
        <v>35745</v>
      </c>
      <c r="Z135" s="51">
        <v>8459</v>
      </c>
      <c r="AA135" s="58">
        <v>23.7</v>
      </c>
      <c r="AB135" s="50">
        <v>35864</v>
      </c>
      <c r="AC135" s="51">
        <v>8739</v>
      </c>
      <c r="AD135" s="55">
        <v>24.4</v>
      </c>
      <c r="AE135" s="53">
        <v>35969</v>
      </c>
      <c r="AF135" s="51">
        <v>9040</v>
      </c>
      <c r="AG135" s="58">
        <v>25.1</v>
      </c>
      <c r="AH135" s="50">
        <v>35942</v>
      </c>
      <c r="AI135" s="51">
        <v>9309</v>
      </c>
      <c r="AJ135" s="55">
        <v>25.9</v>
      </c>
      <c r="AK135" s="53">
        <v>37545</v>
      </c>
      <c r="AL135" s="51">
        <v>9955</v>
      </c>
      <c r="AM135" s="58">
        <v>26.5</v>
      </c>
      <c r="AN135" s="50">
        <v>37511</v>
      </c>
      <c r="AO135" s="51">
        <v>10273</v>
      </c>
      <c r="AP135" s="55">
        <v>27.4</v>
      </c>
      <c r="AQ135" s="53">
        <v>37279</v>
      </c>
      <c r="AR135" s="51">
        <v>10450</v>
      </c>
      <c r="AS135" s="58">
        <v>28</v>
      </c>
      <c r="AT135" s="50">
        <v>37058</v>
      </c>
      <c r="AU135" s="51">
        <v>10704</v>
      </c>
      <c r="AV135" s="55">
        <v>28.9</v>
      </c>
      <c r="AW135" s="53">
        <v>36927</v>
      </c>
      <c r="AX135" s="51">
        <v>10819</v>
      </c>
      <c r="AY135" s="54">
        <v>29.3</v>
      </c>
      <c r="AZ135" s="50">
        <v>36670</v>
      </c>
      <c r="BA135" s="51">
        <v>10845</v>
      </c>
      <c r="BB135" s="55">
        <v>29.6</v>
      </c>
      <c r="BC135" s="53">
        <v>36461</v>
      </c>
      <c r="BD135" s="51">
        <v>11027</v>
      </c>
      <c r="BE135" s="54">
        <v>30.2</v>
      </c>
      <c r="BF135" s="50">
        <v>36118</v>
      </c>
      <c r="BG135" s="51">
        <v>36201</v>
      </c>
      <c r="BH135" s="51">
        <v>11362</v>
      </c>
      <c r="BI135" s="51">
        <v>11364</v>
      </c>
      <c r="BJ135" s="56">
        <v>31.5</v>
      </c>
      <c r="BK135" s="52">
        <v>31.4</v>
      </c>
      <c r="BL135" s="53">
        <v>36085</v>
      </c>
      <c r="BM135" s="51">
        <v>36195</v>
      </c>
      <c r="BN135" s="51">
        <v>11520</v>
      </c>
      <c r="BO135" s="51">
        <v>11522</v>
      </c>
      <c r="BP135" s="57">
        <v>31.9</v>
      </c>
      <c r="BQ135" s="58">
        <v>31.8</v>
      </c>
      <c r="BR135" s="50">
        <v>35712</v>
      </c>
      <c r="BS135" s="51">
        <v>35802</v>
      </c>
      <c r="BT135" s="51">
        <v>11826</v>
      </c>
      <c r="BU135" s="51">
        <v>11827</v>
      </c>
      <c r="BV135" s="57">
        <v>33.1</v>
      </c>
      <c r="BW135" s="52">
        <v>33</v>
      </c>
      <c r="BX135" s="53">
        <v>35441</v>
      </c>
      <c r="BY135" s="51">
        <v>35551</v>
      </c>
      <c r="BZ135" s="51">
        <v>12060</v>
      </c>
      <c r="CA135" s="51">
        <v>12061</v>
      </c>
      <c r="CB135" s="57">
        <v>34</v>
      </c>
      <c r="CC135" s="54">
        <v>33.9</v>
      </c>
      <c r="CD135" s="93">
        <v>34993</v>
      </c>
      <c r="CE135" s="51">
        <v>35098</v>
      </c>
      <c r="CF135" s="72">
        <v>12214</v>
      </c>
      <c r="CG135" s="51">
        <v>12216</v>
      </c>
      <c r="CH135" s="57">
        <v>34.9</v>
      </c>
      <c r="CI135" s="52">
        <v>34.799999999999997</v>
      </c>
      <c r="CJ135" s="53">
        <v>34606</v>
      </c>
      <c r="CK135" s="51">
        <v>34772</v>
      </c>
      <c r="CL135" s="51">
        <v>12417</v>
      </c>
      <c r="CM135" s="51">
        <v>12419</v>
      </c>
      <c r="CN135" s="57">
        <v>35.9</v>
      </c>
      <c r="CO135" s="54">
        <v>35.700000000000003</v>
      </c>
      <c r="CP135" s="50">
        <v>34153</v>
      </c>
      <c r="CQ135" s="51">
        <v>34365</v>
      </c>
      <c r="CR135" s="51">
        <v>12530</v>
      </c>
      <c r="CS135" s="51">
        <v>12532</v>
      </c>
      <c r="CT135" s="57">
        <v>36.700000000000003</v>
      </c>
      <c r="CU135" s="61">
        <v>36.5</v>
      </c>
      <c r="CV135" s="50">
        <v>33670</v>
      </c>
      <c r="CW135" s="51">
        <v>33896</v>
      </c>
      <c r="CX135" s="51">
        <v>12570</v>
      </c>
      <c r="CY135" s="51">
        <v>12573</v>
      </c>
      <c r="CZ135" s="21">
        <f t="shared" ref="CZ135:CZ152" si="12">ROUND(CX135/CV135*100,1)</f>
        <v>37.299999999999997</v>
      </c>
      <c r="DA135" s="23">
        <f t="shared" ref="DA135:DA152" si="13">ROUND(CY135/CW135*100,1)</f>
        <v>37.1</v>
      </c>
      <c r="DB135" s="50">
        <v>33192</v>
      </c>
      <c r="DC135" s="51">
        <v>33406</v>
      </c>
      <c r="DD135" s="51">
        <v>12499</v>
      </c>
      <c r="DE135" s="51">
        <v>12502</v>
      </c>
      <c r="DF135" s="21">
        <v>37.700000000000003</v>
      </c>
      <c r="DG135" s="23">
        <v>37.4</v>
      </c>
      <c r="DH135" s="50">
        <v>32692</v>
      </c>
      <c r="DI135" s="51">
        <v>32901</v>
      </c>
      <c r="DJ135" s="51">
        <v>12469</v>
      </c>
      <c r="DK135" s="51">
        <v>12471</v>
      </c>
      <c r="DL135" s="57">
        <f t="shared" ref="DL135:DL158" si="14">DJ135/DH135*100</f>
        <v>38.140829560748806</v>
      </c>
      <c r="DM135" s="61">
        <f t="shared" ref="DM135:DM158" si="15">DK135/DI135*100</f>
        <v>37.904622959788462</v>
      </c>
      <c r="DN135" s="50">
        <v>32152</v>
      </c>
      <c r="DO135" s="51">
        <v>32395</v>
      </c>
      <c r="DP135" s="51">
        <v>12396</v>
      </c>
      <c r="DQ135" s="51">
        <v>12399</v>
      </c>
      <c r="DR135" s="57">
        <f t="shared" ref="DR135:DR158" si="16">DP135/DN135*100</f>
        <v>38.554366757899977</v>
      </c>
      <c r="DS135" s="61">
        <f t="shared" ref="DS135:DS158" si="17">DQ135/DO135*100</f>
        <v>38.274425065596539</v>
      </c>
    </row>
    <row r="136" spans="1:123" x14ac:dyDescent="0.2">
      <c r="A136" s="175"/>
      <c r="B136" s="176"/>
      <c r="C136" s="123" t="s">
        <v>62</v>
      </c>
      <c r="D136" s="27">
        <v>16740</v>
      </c>
      <c r="E136" s="25">
        <v>2765</v>
      </c>
      <c r="F136" s="26">
        <v>16.5</v>
      </c>
      <c r="G136" s="27">
        <v>16648</v>
      </c>
      <c r="H136" s="25">
        <v>2741</v>
      </c>
      <c r="I136" s="28">
        <v>16.5</v>
      </c>
      <c r="J136" s="24">
        <v>16650</v>
      </c>
      <c r="K136" s="25">
        <v>3019</v>
      </c>
      <c r="L136" s="26">
        <v>18.100000000000001</v>
      </c>
      <c r="M136" s="27">
        <v>16589</v>
      </c>
      <c r="N136" s="25">
        <v>3167</v>
      </c>
      <c r="O136" s="28">
        <v>19.100000000000001</v>
      </c>
      <c r="P136" s="24">
        <v>16589</v>
      </c>
      <c r="Q136" s="25">
        <v>3295</v>
      </c>
      <c r="R136" s="26">
        <v>19.899999999999999</v>
      </c>
      <c r="S136" s="27">
        <v>16630</v>
      </c>
      <c r="T136" s="25">
        <v>3462</v>
      </c>
      <c r="U136" s="62">
        <v>20.8</v>
      </c>
      <c r="V136" s="24">
        <v>16632</v>
      </c>
      <c r="W136" s="25">
        <v>3571</v>
      </c>
      <c r="X136" s="63">
        <v>21.5</v>
      </c>
      <c r="Y136" s="27">
        <v>16734</v>
      </c>
      <c r="Z136" s="25">
        <v>3688</v>
      </c>
      <c r="AA136" s="62">
        <v>22</v>
      </c>
      <c r="AB136" s="24">
        <v>16812</v>
      </c>
      <c r="AC136" s="25">
        <v>3783</v>
      </c>
      <c r="AD136" s="63">
        <v>22.5</v>
      </c>
      <c r="AE136" s="27">
        <v>16841</v>
      </c>
      <c r="AF136" s="25">
        <v>3917</v>
      </c>
      <c r="AG136" s="62">
        <v>23.3</v>
      </c>
      <c r="AH136" s="24">
        <v>16839</v>
      </c>
      <c r="AI136" s="25">
        <v>4039</v>
      </c>
      <c r="AJ136" s="63">
        <v>24</v>
      </c>
      <c r="AK136" s="27">
        <v>17651</v>
      </c>
      <c r="AL136" s="25">
        <v>4291</v>
      </c>
      <c r="AM136" s="62">
        <v>24.3</v>
      </c>
      <c r="AN136" s="24">
        <v>17609</v>
      </c>
      <c r="AO136" s="25">
        <v>4419</v>
      </c>
      <c r="AP136" s="63">
        <v>25.1</v>
      </c>
      <c r="AQ136" s="27">
        <v>17475</v>
      </c>
      <c r="AR136" s="25">
        <v>4477</v>
      </c>
      <c r="AS136" s="62">
        <v>25.6</v>
      </c>
      <c r="AT136" s="24">
        <v>17356</v>
      </c>
      <c r="AU136" s="25">
        <v>4559</v>
      </c>
      <c r="AV136" s="63">
        <v>26.3</v>
      </c>
      <c r="AW136" s="27">
        <v>17351</v>
      </c>
      <c r="AX136" s="25">
        <v>4557</v>
      </c>
      <c r="AY136" s="28">
        <v>26.3</v>
      </c>
      <c r="AZ136" s="24">
        <v>17236</v>
      </c>
      <c r="BA136" s="25">
        <v>4533</v>
      </c>
      <c r="BB136" s="63">
        <v>26.3</v>
      </c>
      <c r="BC136" s="27">
        <v>17124</v>
      </c>
      <c r="BD136" s="25">
        <v>4597</v>
      </c>
      <c r="BE136" s="28">
        <v>26.8</v>
      </c>
      <c r="BF136" s="24">
        <v>16917</v>
      </c>
      <c r="BG136" s="25">
        <v>16934</v>
      </c>
      <c r="BH136" s="25">
        <v>4742</v>
      </c>
      <c r="BI136" s="25">
        <v>4743</v>
      </c>
      <c r="BJ136" s="64">
        <v>28</v>
      </c>
      <c r="BK136" s="26">
        <v>28</v>
      </c>
      <c r="BL136" s="27">
        <v>16887</v>
      </c>
      <c r="BM136" s="25">
        <v>16908</v>
      </c>
      <c r="BN136" s="25">
        <v>4801</v>
      </c>
      <c r="BO136" s="25">
        <v>4802</v>
      </c>
      <c r="BP136" s="34">
        <v>28.4</v>
      </c>
      <c r="BQ136" s="62">
        <v>28.4</v>
      </c>
      <c r="BR136" s="24">
        <v>16702</v>
      </c>
      <c r="BS136" s="25">
        <v>16720</v>
      </c>
      <c r="BT136" s="25">
        <v>4953</v>
      </c>
      <c r="BU136" s="25">
        <v>4953</v>
      </c>
      <c r="BV136" s="34">
        <v>29.7</v>
      </c>
      <c r="BW136" s="26">
        <v>29.6</v>
      </c>
      <c r="BX136" s="27">
        <v>16547</v>
      </c>
      <c r="BY136" s="25">
        <v>16574</v>
      </c>
      <c r="BZ136" s="25">
        <v>5054</v>
      </c>
      <c r="CA136" s="25">
        <v>5054</v>
      </c>
      <c r="CB136" s="34">
        <v>30.5</v>
      </c>
      <c r="CC136" s="28">
        <v>30.5</v>
      </c>
      <c r="CD136" s="94">
        <v>16332</v>
      </c>
      <c r="CE136" s="25">
        <v>16356</v>
      </c>
      <c r="CF136" s="73">
        <v>5123</v>
      </c>
      <c r="CG136" s="25">
        <v>5123</v>
      </c>
      <c r="CH136" s="34">
        <v>31.4</v>
      </c>
      <c r="CI136" s="26">
        <v>31.3</v>
      </c>
      <c r="CJ136" s="27">
        <v>16133</v>
      </c>
      <c r="CK136" s="25">
        <v>16163</v>
      </c>
      <c r="CL136" s="25">
        <v>5197</v>
      </c>
      <c r="CM136" s="25">
        <v>5197</v>
      </c>
      <c r="CN136" s="34">
        <v>32.200000000000003</v>
      </c>
      <c r="CO136" s="28">
        <v>32.200000000000003</v>
      </c>
      <c r="CP136" s="24">
        <v>15926</v>
      </c>
      <c r="CQ136" s="25">
        <v>15966</v>
      </c>
      <c r="CR136" s="25">
        <v>5256</v>
      </c>
      <c r="CS136" s="25">
        <v>5256</v>
      </c>
      <c r="CT136" s="34">
        <v>33</v>
      </c>
      <c r="CU136" s="36">
        <v>32.9</v>
      </c>
      <c r="CV136" s="24">
        <v>15708</v>
      </c>
      <c r="CW136" s="25">
        <v>15755</v>
      </c>
      <c r="CX136" s="25">
        <v>5268</v>
      </c>
      <c r="CY136" s="25">
        <v>5268</v>
      </c>
      <c r="CZ136" s="34">
        <f t="shared" si="12"/>
        <v>33.5</v>
      </c>
      <c r="DA136" s="36">
        <f t="shared" si="13"/>
        <v>33.4</v>
      </c>
      <c r="DB136" s="24">
        <v>15467</v>
      </c>
      <c r="DC136" s="25">
        <v>15519</v>
      </c>
      <c r="DD136" s="25">
        <v>5214</v>
      </c>
      <c r="DE136" s="25">
        <v>5214</v>
      </c>
      <c r="DF136" s="34">
        <v>33.700000000000003</v>
      </c>
      <c r="DG136" s="36">
        <v>33.6</v>
      </c>
      <c r="DH136" s="24">
        <v>15219</v>
      </c>
      <c r="DI136" s="25">
        <v>15277</v>
      </c>
      <c r="DJ136" s="25">
        <v>5211</v>
      </c>
      <c r="DK136" s="25">
        <v>5211</v>
      </c>
      <c r="DL136" s="34">
        <f t="shared" si="14"/>
        <v>34.240094618568897</v>
      </c>
      <c r="DM136" s="36">
        <f t="shared" si="15"/>
        <v>34.110100150553116</v>
      </c>
      <c r="DN136" s="24">
        <v>14990</v>
      </c>
      <c r="DO136" s="25">
        <v>15056</v>
      </c>
      <c r="DP136" s="25">
        <v>5146</v>
      </c>
      <c r="DQ136" s="25">
        <v>5146</v>
      </c>
      <c r="DR136" s="34">
        <f t="shared" si="16"/>
        <v>34.329553035356902</v>
      </c>
      <c r="DS136" s="36">
        <f t="shared" si="17"/>
        <v>34.179064824654617</v>
      </c>
    </row>
    <row r="137" spans="1:123" x14ac:dyDescent="0.2">
      <c r="A137" s="175"/>
      <c r="B137" s="176"/>
      <c r="C137" s="122" t="s">
        <v>63</v>
      </c>
      <c r="D137" s="40">
        <v>18511</v>
      </c>
      <c r="E137" s="38">
        <v>3589</v>
      </c>
      <c r="F137" s="39">
        <v>19.399999999999999</v>
      </c>
      <c r="G137" s="40">
        <v>18497</v>
      </c>
      <c r="H137" s="38">
        <v>3587</v>
      </c>
      <c r="I137" s="41">
        <v>19.399999999999999</v>
      </c>
      <c r="J137" s="37">
        <v>18646</v>
      </c>
      <c r="K137" s="38">
        <v>3893</v>
      </c>
      <c r="L137" s="39">
        <v>20.9</v>
      </c>
      <c r="M137" s="40">
        <v>18584</v>
      </c>
      <c r="N137" s="38">
        <v>4045</v>
      </c>
      <c r="O137" s="41">
        <v>21.8</v>
      </c>
      <c r="P137" s="37">
        <v>18681</v>
      </c>
      <c r="Q137" s="38">
        <v>4179</v>
      </c>
      <c r="R137" s="39">
        <v>22.4</v>
      </c>
      <c r="S137" s="40">
        <v>18804</v>
      </c>
      <c r="T137" s="38">
        <v>4367</v>
      </c>
      <c r="U137" s="67">
        <v>23.2</v>
      </c>
      <c r="V137" s="37">
        <v>18893</v>
      </c>
      <c r="W137" s="38">
        <v>4581</v>
      </c>
      <c r="X137" s="68">
        <v>24.2</v>
      </c>
      <c r="Y137" s="40">
        <v>19011</v>
      </c>
      <c r="Z137" s="38">
        <v>4771</v>
      </c>
      <c r="AA137" s="67">
        <v>25.1</v>
      </c>
      <c r="AB137" s="37">
        <v>19052</v>
      </c>
      <c r="AC137" s="38">
        <v>4956</v>
      </c>
      <c r="AD137" s="68">
        <v>26</v>
      </c>
      <c r="AE137" s="40">
        <v>19128</v>
      </c>
      <c r="AF137" s="38">
        <v>5123</v>
      </c>
      <c r="AG137" s="67">
        <v>26.8</v>
      </c>
      <c r="AH137" s="37">
        <v>19103</v>
      </c>
      <c r="AI137" s="38">
        <v>5270</v>
      </c>
      <c r="AJ137" s="68">
        <v>27.6</v>
      </c>
      <c r="AK137" s="40">
        <v>19894</v>
      </c>
      <c r="AL137" s="38">
        <v>5664</v>
      </c>
      <c r="AM137" s="67">
        <v>28.5</v>
      </c>
      <c r="AN137" s="37">
        <v>19902</v>
      </c>
      <c r="AO137" s="38">
        <v>5854</v>
      </c>
      <c r="AP137" s="68">
        <v>29.4</v>
      </c>
      <c r="AQ137" s="40">
        <v>19804</v>
      </c>
      <c r="AR137" s="38">
        <v>5973</v>
      </c>
      <c r="AS137" s="67">
        <v>30.2</v>
      </c>
      <c r="AT137" s="37">
        <v>19702</v>
      </c>
      <c r="AU137" s="38">
        <v>6145</v>
      </c>
      <c r="AV137" s="68">
        <v>31.2</v>
      </c>
      <c r="AW137" s="40">
        <v>19576</v>
      </c>
      <c r="AX137" s="38">
        <v>6262</v>
      </c>
      <c r="AY137" s="41">
        <v>32</v>
      </c>
      <c r="AZ137" s="37">
        <v>19434</v>
      </c>
      <c r="BA137" s="38">
        <v>6312</v>
      </c>
      <c r="BB137" s="68">
        <v>32.5</v>
      </c>
      <c r="BC137" s="40">
        <v>19337</v>
      </c>
      <c r="BD137" s="38">
        <v>6430</v>
      </c>
      <c r="BE137" s="41">
        <v>33.299999999999997</v>
      </c>
      <c r="BF137" s="37">
        <v>19201</v>
      </c>
      <c r="BG137" s="38">
        <v>19267</v>
      </c>
      <c r="BH137" s="38">
        <v>6620</v>
      </c>
      <c r="BI137" s="38">
        <v>6621</v>
      </c>
      <c r="BJ137" s="69">
        <v>34.5</v>
      </c>
      <c r="BK137" s="39">
        <v>34.4</v>
      </c>
      <c r="BL137" s="40">
        <v>19198</v>
      </c>
      <c r="BM137" s="38">
        <v>19287</v>
      </c>
      <c r="BN137" s="38">
        <v>6719</v>
      </c>
      <c r="BO137" s="38">
        <v>6720</v>
      </c>
      <c r="BP137" s="47">
        <v>35</v>
      </c>
      <c r="BQ137" s="67">
        <v>34.799999999999997</v>
      </c>
      <c r="BR137" s="37">
        <v>19010</v>
      </c>
      <c r="BS137" s="38">
        <v>19082</v>
      </c>
      <c r="BT137" s="38">
        <v>6873</v>
      </c>
      <c r="BU137" s="38">
        <v>6874</v>
      </c>
      <c r="BV137" s="47">
        <v>36.200000000000003</v>
      </c>
      <c r="BW137" s="39">
        <v>36</v>
      </c>
      <c r="BX137" s="40">
        <v>18894</v>
      </c>
      <c r="BY137" s="38">
        <v>18977</v>
      </c>
      <c r="BZ137" s="38">
        <v>7006</v>
      </c>
      <c r="CA137" s="38">
        <v>7007</v>
      </c>
      <c r="CB137" s="47">
        <v>37.1</v>
      </c>
      <c r="CC137" s="41">
        <v>36.9</v>
      </c>
      <c r="CD137" s="95">
        <v>18661</v>
      </c>
      <c r="CE137" s="38">
        <v>18742</v>
      </c>
      <c r="CF137" s="74">
        <v>7091</v>
      </c>
      <c r="CG137" s="38">
        <v>7093</v>
      </c>
      <c r="CH137" s="47">
        <v>38</v>
      </c>
      <c r="CI137" s="39">
        <v>37.799999999999997</v>
      </c>
      <c r="CJ137" s="40">
        <v>18473</v>
      </c>
      <c r="CK137" s="38">
        <v>18609</v>
      </c>
      <c r="CL137" s="38">
        <v>7220</v>
      </c>
      <c r="CM137" s="38">
        <v>7222</v>
      </c>
      <c r="CN137" s="47">
        <v>39.1</v>
      </c>
      <c r="CO137" s="41">
        <v>38.799999999999997</v>
      </c>
      <c r="CP137" s="37">
        <v>18227</v>
      </c>
      <c r="CQ137" s="38">
        <v>18399</v>
      </c>
      <c r="CR137" s="38">
        <v>7274</v>
      </c>
      <c r="CS137" s="38">
        <v>7276</v>
      </c>
      <c r="CT137" s="47">
        <v>39.9</v>
      </c>
      <c r="CU137" s="49">
        <v>39.5</v>
      </c>
      <c r="CV137" s="37">
        <v>17962</v>
      </c>
      <c r="CW137" s="38">
        <v>18141</v>
      </c>
      <c r="CX137" s="38">
        <v>7302</v>
      </c>
      <c r="CY137" s="38">
        <v>7305</v>
      </c>
      <c r="CZ137" s="47">
        <f t="shared" si="12"/>
        <v>40.700000000000003</v>
      </c>
      <c r="DA137" s="49">
        <f t="shared" si="13"/>
        <v>40.299999999999997</v>
      </c>
      <c r="DB137" s="37">
        <v>17725</v>
      </c>
      <c r="DC137" s="38">
        <v>17887</v>
      </c>
      <c r="DD137" s="38">
        <v>7285</v>
      </c>
      <c r="DE137" s="38">
        <v>7288</v>
      </c>
      <c r="DF137" s="47">
        <v>41.1</v>
      </c>
      <c r="DG137" s="49">
        <v>40.700000000000003</v>
      </c>
      <c r="DH137" s="37">
        <v>17473</v>
      </c>
      <c r="DI137" s="38">
        <v>17624</v>
      </c>
      <c r="DJ137" s="38">
        <v>7258</v>
      </c>
      <c r="DK137" s="38">
        <v>7260</v>
      </c>
      <c r="DL137" s="47">
        <f t="shared" si="14"/>
        <v>41.538373490528244</v>
      </c>
      <c r="DM137" s="23">
        <f t="shared" si="15"/>
        <v>41.19382660009078</v>
      </c>
      <c r="DN137" s="37">
        <v>17162</v>
      </c>
      <c r="DO137" s="38">
        <v>17339</v>
      </c>
      <c r="DP137" s="38">
        <v>7250</v>
      </c>
      <c r="DQ137" s="38">
        <v>7253</v>
      </c>
      <c r="DR137" s="47">
        <f t="shared" si="16"/>
        <v>42.244493648758883</v>
      </c>
      <c r="DS137" s="23">
        <f t="shared" si="17"/>
        <v>41.830555395351524</v>
      </c>
    </row>
    <row r="138" spans="1:123" x14ac:dyDescent="0.2">
      <c r="A138" s="175" t="s">
        <v>56</v>
      </c>
      <c r="B138" s="176"/>
      <c r="C138" s="121" t="s">
        <v>61</v>
      </c>
      <c r="D138" s="53">
        <v>53011</v>
      </c>
      <c r="E138" s="51">
        <v>5993</v>
      </c>
      <c r="F138" s="52">
        <v>11.3</v>
      </c>
      <c r="G138" s="53">
        <v>53711</v>
      </c>
      <c r="H138" s="51">
        <v>6423</v>
      </c>
      <c r="I138" s="54">
        <v>12</v>
      </c>
      <c r="J138" s="50">
        <v>54830</v>
      </c>
      <c r="K138" s="51">
        <v>6812</v>
      </c>
      <c r="L138" s="52">
        <v>12.4</v>
      </c>
      <c r="M138" s="53">
        <v>55832</v>
      </c>
      <c r="N138" s="51">
        <v>7262</v>
      </c>
      <c r="O138" s="54">
        <v>13</v>
      </c>
      <c r="P138" s="50">
        <v>56494</v>
      </c>
      <c r="Q138" s="51">
        <v>7631</v>
      </c>
      <c r="R138" s="52">
        <v>13.5</v>
      </c>
      <c r="S138" s="53">
        <v>57364</v>
      </c>
      <c r="T138" s="51">
        <v>8068</v>
      </c>
      <c r="U138" s="58">
        <v>14.1</v>
      </c>
      <c r="V138" s="50">
        <v>58038</v>
      </c>
      <c r="W138" s="51">
        <v>8562</v>
      </c>
      <c r="X138" s="55">
        <v>14.8</v>
      </c>
      <c r="Y138" s="53">
        <v>58667</v>
      </c>
      <c r="Z138" s="51">
        <v>8960</v>
      </c>
      <c r="AA138" s="58">
        <v>15.3</v>
      </c>
      <c r="AB138" s="50">
        <v>59092</v>
      </c>
      <c r="AC138" s="51">
        <v>9421</v>
      </c>
      <c r="AD138" s="55">
        <v>15.9</v>
      </c>
      <c r="AE138" s="53">
        <v>59635</v>
      </c>
      <c r="AF138" s="51">
        <v>9830</v>
      </c>
      <c r="AG138" s="58">
        <v>16.5</v>
      </c>
      <c r="AH138" s="50">
        <v>60274</v>
      </c>
      <c r="AI138" s="51">
        <v>10283</v>
      </c>
      <c r="AJ138" s="55">
        <v>17.100000000000001</v>
      </c>
      <c r="AK138" s="53">
        <v>60834</v>
      </c>
      <c r="AL138" s="51">
        <v>10794</v>
      </c>
      <c r="AM138" s="58">
        <v>17.7</v>
      </c>
      <c r="AN138" s="50">
        <v>61072</v>
      </c>
      <c r="AO138" s="51">
        <v>11374</v>
      </c>
      <c r="AP138" s="55">
        <v>18.600000000000001</v>
      </c>
      <c r="AQ138" s="53">
        <v>60987</v>
      </c>
      <c r="AR138" s="51">
        <v>11916</v>
      </c>
      <c r="AS138" s="58">
        <v>19.5</v>
      </c>
      <c r="AT138" s="50">
        <v>60802</v>
      </c>
      <c r="AU138" s="51">
        <v>12550</v>
      </c>
      <c r="AV138" s="55">
        <v>20.6</v>
      </c>
      <c r="AW138" s="53">
        <v>60729</v>
      </c>
      <c r="AX138" s="51">
        <v>13024</v>
      </c>
      <c r="AY138" s="54">
        <v>21.4</v>
      </c>
      <c r="AZ138" s="50">
        <v>60465</v>
      </c>
      <c r="BA138" s="51">
        <v>13414</v>
      </c>
      <c r="BB138" s="55">
        <v>22.2</v>
      </c>
      <c r="BC138" s="53">
        <v>60291</v>
      </c>
      <c r="BD138" s="51">
        <v>14059</v>
      </c>
      <c r="BE138" s="54">
        <v>23.3</v>
      </c>
      <c r="BF138" s="50">
        <v>59896</v>
      </c>
      <c r="BG138" s="51">
        <v>60044</v>
      </c>
      <c r="BH138" s="51">
        <v>14755</v>
      </c>
      <c r="BI138" s="51">
        <v>14761</v>
      </c>
      <c r="BJ138" s="56">
        <v>24.6</v>
      </c>
      <c r="BK138" s="52">
        <v>24.6</v>
      </c>
      <c r="BL138" s="53">
        <v>59771</v>
      </c>
      <c r="BM138" s="51">
        <v>59931</v>
      </c>
      <c r="BN138" s="51">
        <v>15280</v>
      </c>
      <c r="BO138" s="51">
        <v>15286</v>
      </c>
      <c r="BP138" s="57">
        <v>25.6</v>
      </c>
      <c r="BQ138" s="58">
        <v>25.5</v>
      </c>
      <c r="BR138" s="50">
        <v>59485</v>
      </c>
      <c r="BS138" s="51">
        <v>59629</v>
      </c>
      <c r="BT138" s="51">
        <v>16164</v>
      </c>
      <c r="BU138" s="51">
        <v>16171</v>
      </c>
      <c r="BV138" s="57">
        <v>27.2</v>
      </c>
      <c r="BW138" s="52">
        <v>27.1</v>
      </c>
      <c r="BX138" s="59">
        <v>59194</v>
      </c>
      <c r="BY138" s="51">
        <v>59348</v>
      </c>
      <c r="BZ138" s="72">
        <v>16852</v>
      </c>
      <c r="CA138" s="51">
        <v>16861</v>
      </c>
      <c r="CB138" s="57">
        <v>28.5</v>
      </c>
      <c r="CC138" s="54">
        <v>28.4</v>
      </c>
      <c r="CD138" s="93">
        <v>58953</v>
      </c>
      <c r="CE138" s="51">
        <v>59133</v>
      </c>
      <c r="CF138" s="72">
        <v>17439</v>
      </c>
      <c r="CG138" s="51">
        <v>17448</v>
      </c>
      <c r="CH138" s="57">
        <v>29.6</v>
      </c>
      <c r="CI138" s="52">
        <v>29.5</v>
      </c>
      <c r="CJ138" s="53">
        <v>58603</v>
      </c>
      <c r="CK138" s="51">
        <v>58828</v>
      </c>
      <c r="CL138" s="51">
        <v>17939</v>
      </c>
      <c r="CM138" s="51">
        <v>17947</v>
      </c>
      <c r="CN138" s="57">
        <v>30.6</v>
      </c>
      <c r="CO138" s="54">
        <v>30.5</v>
      </c>
      <c r="CP138" s="50">
        <v>58326</v>
      </c>
      <c r="CQ138" s="51">
        <v>58630</v>
      </c>
      <c r="CR138" s="51">
        <v>18331</v>
      </c>
      <c r="CS138" s="51">
        <v>18343</v>
      </c>
      <c r="CT138" s="57">
        <v>31.4</v>
      </c>
      <c r="CU138" s="61">
        <v>31.3</v>
      </c>
      <c r="CV138" s="50">
        <v>57889</v>
      </c>
      <c r="CW138" s="51">
        <v>58265</v>
      </c>
      <c r="CX138" s="51">
        <v>18725</v>
      </c>
      <c r="CY138" s="51">
        <v>18738</v>
      </c>
      <c r="CZ138" s="21">
        <f t="shared" si="12"/>
        <v>32.299999999999997</v>
      </c>
      <c r="DA138" s="23">
        <f t="shared" si="13"/>
        <v>32.200000000000003</v>
      </c>
      <c r="DB138" s="50">
        <v>57728</v>
      </c>
      <c r="DC138" s="51">
        <v>58130</v>
      </c>
      <c r="DD138" s="51">
        <v>19031</v>
      </c>
      <c r="DE138" s="51">
        <v>19044</v>
      </c>
      <c r="DF138" s="21">
        <v>33</v>
      </c>
      <c r="DG138" s="23">
        <v>32.799999999999997</v>
      </c>
      <c r="DH138" s="50">
        <v>57400</v>
      </c>
      <c r="DI138" s="51">
        <v>57767</v>
      </c>
      <c r="DJ138" s="51">
        <v>19249</v>
      </c>
      <c r="DK138" s="51">
        <v>19265</v>
      </c>
      <c r="DL138" s="21">
        <f t="shared" si="14"/>
        <v>33.534843205574909</v>
      </c>
      <c r="DM138" s="61">
        <f t="shared" si="15"/>
        <v>33.349490193362989</v>
      </c>
      <c r="DN138" s="50">
        <v>56956</v>
      </c>
      <c r="DO138" s="51">
        <v>57351</v>
      </c>
      <c r="DP138" s="51">
        <v>19253</v>
      </c>
      <c r="DQ138" s="51">
        <v>19267</v>
      </c>
      <c r="DR138" s="21">
        <f t="shared" si="16"/>
        <v>33.803286747664863</v>
      </c>
      <c r="DS138" s="61">
        <f t="shared" si="17"/>
        <v>33.59488064724242</v>
      </c>
    </row>
    <row r="139" spans="1:123" x14ac:dyDescent="0.2">
      <c r="A139" s="175"/>
      <c r="B139" s="176"/>
      <c r="C139" s="123" t="s">
        <v>62</v>
      </c>
      <c r="D139" s="27">
        <v>25855</v>
      </c>
      <c r="E139" s="25">
        <v>2683</v>
      </c>
      <c r="F139" s="26">
        <v>10.4</v>
      </c>
      <c r="G139" s="27">
        <v>26214</v>
      </c>
      <c r="H139" s="25">
        <v>2864</v>
      </c>
      <c r="I139" s="28">
        <v>10.9</v>
      </c>
      <c r="J139" s="24">
        <v>26792</v>
      </c>
      <c r="K139" s="25">
        <v>3034</v>
      </c>
      <c r="L139" s="26">
        <v>11.3</v>
      </c>
      <c r="M139" s="27">
        <v>27270</v>
      </c>
      <c r="N139" s="25">
        <v>3268</v>
      </c>
      <c r="O139" s="28">
        <v>12</v>
      </c>
      <c r="P139" s="24">
        <v>27575</v>
      </c>
      <c r="Q139" s="25">
        <v>3432</v>
      </c>
      <c r="R139" s="26">
        <v>12.4</v>
      </c>
      <c r="S139" s="27">
        <v>27958</v>
      </c>
      <c r="T139" s="25">
        <v>3649</v>
      </c>
      <c r="U139" s="62">
        <v>13.1</v>
      </c>
      <c r="V139" s="24">
        <v>28266</v>
      </c>
      <c r="W139" s="25">
        <v>3852</v>
      </c>
      <c r="X139" s="63">
        <v>13.6</v>
      </c>
      <c r="Y139" s="27">
        <v>28519</v>
      </c>
      <c r="Z139" s="25">
        <v>4045</v>
      </c>
      <c r="AA139" s="62">
        <v>14.2</v>
      </c>
      <c r="AB139" s="24">
        <v>28636</v>
      </c>
      <c r="AC139" s="25">
        <v>4203</v>
      </c>
      <c r="AD139" s="63">
        <v>14.7</v>
      </c>
      <c r="AE139" s="27">
        <v>28906</v>
      </c>
      <c r="AF139" s="25">
        <v>4398</v>
      </c>
      <c r="AG139" s="62">
        <v>15.2</v>
      </c>
      <c r="AH139" s="24">
        <v>29176</v>
      </c>
      <c r="AI139" s="25">
        <v>4598</v>
      </c>
      <c r="AJ139" s="63">
        <v>15.8</v>
      </c>
      <c r="AK139" s="27">
        <v>29457</v>
      </c>
      <c r="AL139" s="25">
        <v>4839</v>
      </c>
      <c r="AM139" s="62">
        <v>16.399999999999999</v>
      </c>
      <c r="AN139" s="24">
        <v>29585</v>
      </c>
      <c r="AO139" s="25">
        <v>5123</v>
      </c>
      <c r="AP139" s="63">
        <v>17.3</v>
      </c>
      <c r="AQ139" s="27">
        <v>29489</v>
      </c>
      <c r="AR139" s="25">
        <v>5377</v>
      </c>
      <c r="AS139" s="62">
        <v>18.2</v>
      </c>
      <c r="AT139" s="24">
        <v>29373</v>
      </c>
      <c r="AU139" s="25">
        <v>5686</v>
      </c>
      <c r="AV139" s="63">
        <v>19.399999999999999</v>
      </c>
      <c r="AW139" s="27">
        <v>29363</v>
      </c>
      <c r="AX139" s="25">
        <v>5866</v>
      </c>
      <c r="AY139" s="28">
        <v>20</v>
      </c>
      <c r="AZ139" s="24">
        <v>29175</v>
      </c>
      <c r="BA139" s="25">
        <v>6043</v>
      </c>
      <c r="BB139" s="63">
        <v>20.7</v>
      </c>
      <c r="BC139" s="27">
        <v>29091</v>
      </c>
      <c r="BD139" s="25">
        <v>6324</v>
      </c>
      <c r="BE139" s="28">
        <v>21.7</v>
      </c>
      <c r="BF139" s="24">
        <v>28852</v>
      </c>
      <c r="BG139" s="25">
        <v>28925</v>
      </c>
      <c r="BH139" s="25">
        <v>6648</v>
      </c>
      <c r="BI139" s="25">
        <v>6651</v>
      </c>
      <c r="BJ139" s="64">
        <v>23</v>
      </c>
      <c r="BK139" s="26">
        <v>23</v>
      </c>
      <c r="BL139" s="27">
        <v>28761</v>
      </c>
      <c r="BM139" s="25">
        <v>28840</v>
      </c>
      <c r="BN139" s="25">
        <v>6858</v>
      </c>
      <c r="BO139" s="25">
        <v>6861</v>
      </c>
      <c r="BP139" s="34">
        <v>23.8</v>
      </c>
      <c r="BQ139" s="62">
        <v>23.8</v>
      </c>
      <c r="BR139" s="24">
        <v>28627</v>
      </c>
      <c r="BS139" s="25">
        <v>28698</v>
      </c>
      <c r="BT139" s="25">
        <v>7212</v>
      </c>
      <c r="BU139" s="25">
        <v>7216</v>
      </c>
      <c r="BV139" s="34">
        <v>25.2</v>
      </c>
      <c r="BW139" s="26">
        <v>25.1</v>
      </c>
      <c r="BX139" s="65">
        <v>28494</v>
      </c>
      <c r="BY139" s="25">
        <v>28566</v>
      </c>
      <c r="BZ139" s="73">
        <v>7487</v>
      </c>
      <c r="CA139" s="25">
        <v>7491</v>
      </c>
      <c r="CB139" s="34">
        <v>26.3</v>
      </c>
      <c r="CC139" s="28">
        <v>26.2</v>
      </c>
      <c r="CD139" s="94">
        <v>28393</v>
      </c>
      <c r="CE139" s="25">
        <v>28479</v>
      </c>
      <c r="CF139" s="73">
        <v>7745</v>
      </c>
      <c r="CG139" s="25">
        <v>7748</v>
      </c>
      <c r="CH139" s="34">
        <v>27.3</v>
      </c>
      <c r="CI139" s="26">
        <v>27.2</v>
      </c>
      <c r="CJ139" s="27">
        <v>28177</v>
      </c>
      <c r="CK139" s="25">
        <v>28286</v>
      </c>
      <c r="CL139" s="25">
        <v>7950</v>
      </c>
      <c r="CM139" s="25">
        <v>7952</v>
      </c>
      <c r="CN139" s="34">
        <v>28.2</v>
      </c>
      <c r="CO139" s="28">
        <v>28.1</v>
      </c>
      <c r="CP139" s="24">
        <v>28002</v>
      </c>
      <c r="CQ139" s="25">
        <v>28156</v>
      </c>
      <c r="CR139" s="25">
        <v>8098</v>
      </c>
      <c r="CS139" s="25">
        <v>8102</v>
      </c>
      <c r="CT139" s="34">
        <v>28.9</v>
      </c>
      <c r="CU139" s="36">
        <v>28.8</v>
      </c>
      <c r="CV139" s="24">
        <v>27753</v>
      </c>
      <c r="CW139" s="25">
        <v>27950</v>
      </c>
      <c r="CX139" s="25">
        <v>8291</v>
      </c>
      <c r="CY139" s="25">
        <v>8295</v>
      </c>
      <c r="CZ139" s="34">
        <f t="shared" si="12"/>
        <v>29.9</v>
      </c>
      <c r="DA139" s="36">
        <f t="shared" si="13"/>
        <v>29.7</v>
      </c>
      <c r="DB139" s="24">
        <v>27662</v>
      </c>
      <c r="DC139" s="25">
        <v>27880</v>
      </c>
      <c r="DD139" s="25">
        <v>8413</v>
      </c>
      <c r="DE139" s="25">
        <v>8418</v>
      </c>
      <c r="DF139" s="34">
        <v>30.4</v>
      </c>
      <c r="DG139" s="36">
        <v>30.2</v>
      </c>
      <c r="DH139" s="24">
        <v>27515</v>
      </c>
      <c r="DI139" s="25">
        <v>27724</v>
      </c>
      <c r="DJ139" s="25">
        <v>8496</v>
      </c>
      <c r="DK139" s="25">
        <v>8503</v>
      </c>
      <c r="DL139" s="34">
        <f t="shared" si="14"/>
        <v>30.877703071052153</v>
      </c>
      <c r="DM139" s="36">
        <f t="shared" si="15"/>
        <v>30.67017746356947</v>
      </c>
      <c r="DN139" s="24">
        <v>27283</v>
      </c>
      <c r="DO139" s="25">
        <v>27494</v>
      </c>
      <c r="DP139" s="25">
        <v>8436</v>
      </c>
      <c r="DQ139" s="25">
        <v>8441</v>
      </c>
      <c r="DR139" s="34">
        <f t="shared" si="16"/>
        <v>30.920353333577687</v>
      </c>
      <c r="DS139" s="36">
        <f t="shared" si="17"/>
        <v>30.701243907761693</v>
      </c>
    </row>
    <row r="140" spans="1:123" x14ac:dyDescent="0.2">
      <c r="A140" s="175"/>
      <c r="B140" s="176"/>
      <c r="C140" s="122" t="s">
        <v>63</v>
      </c>
      <c r="D140" s="40">
        <v>27156</v>
      </c>
      <c r="E140" s="38">
        <v>3310</v>
      </c>
      <c r="F140" s="39">
        <v>12.2</v>
      </c>
      <c r="G140" s="40">
        <v>27497</v>
      </c>
      <c r="H140" s="38">
        <v>3559</v>
      </c>
      <c r="I140" s="41">
        <v>12.9</v>
      </c>
      <c r="J140" s="37">
        <v>28038</v>
      </c>
      <c r="K140" s="38">
        <v>3778</v>
      </c>
      <c r="L140" s="39">
        <v>13.5</v>
      </c>
      <c r="M140" s="40">
        <v>28562</v>
      </c>
      <c r="N140" s="38">
        <v>3994</v>
      </c>
      <c r="O140" s="41">
        <v>14</v>
      </c>
      <c r="P140" s="37">
        <v>28919</v>
      </c>
      <c r="Q140" s="38">
        <v>4199</v>
      </c>
      <c r="R140" s="39">
        <v>14.5</v>
      </c>
      <c r="S140" s="40">
        <v>29406</v>
      </c>
      <c r="T140" s="38">
        <v>4419</v>
      </c>
      <c r="U140" s="67">
        <v>15</v>
      </c>
      <c r="V140" s="37">
        <v>29772</v>
      </c>
      <c r="W140" s="38">
        <v>4710</v>
      </c>
      <c r="X140" s="68">
        <v>15.8</v>
      </c>
      <c r="Y140" s="40">
        <v>30148</v>
      </c>
      <c r="Z140" s="38">
        <v>4915</v>
      </c>
      <c r="AA140" s="67">
        <v>16.3</v>
      </c>
      <c r="AB140" s="37">
        <v>30456</v>
      </c>
      <c r="AC140" s="38">
        <v>5218</v>
      </c>
      <c r="AD140" s="68">
        <v>17.100000000000001</v>
      </c>
      <c r="AE140" s="40">
        <v>30729</v>
      </c>
      <c r="AF140" s="38">
        <v>5432</v>
      </c>
      <c r="AG140" s="67">
        <v>17.7</v>
      </c>
      <c r="AH140" s="37">
        <v>31098</v>
      </c>
      <c r="AI140" s="38">
        <v>5685</v>
      </c>
      <c r="AJ140" s="68">
        <v>18.3</v>
      </c>
      <c r="AK140" s="40">
        <v>31377</v>
      </c>
      <c r="AL140" s="38">
        <v>5955</v>
      </c>
      <c r="AM140" s="67">
        <v>19</v>
      </c>
      <c r="AN140" s="37">
        <v>31487</v>
      </c>
      <c r="AO140" s="38">
        <v>6251</v>
      </c>
      <c r="AP140" s="68">
        <v>19.899999999999999</v>
      </c>
      <c r="AQ140" s="40">
        <v>31498</v>
      </c>
      <c r="AR140" s="38">
        <v>6539</v>
      </c>
      <c r="AS140" s="67">
        <v>20.8</v>
      </c>
      <c r="AT140" s="37">
        <v>31429</v>
      </c>
      <c r="AU140" s="38">
        <v>6864</v>
      </c>
      <c r="AV140" s="68">
        <v>21.8</v>
      </c>
      <c r="AW140" s="40">
        <v>31366</v>
      </c>
      <c r="AX140" s="38">
        <v>7158</v>
      </c>
      <c r="AY140" s="41">
        <v>22.8</v>
      </c>
      <c r="AZ140" s="37">
        <v>31290</v>
      </c>
      <c r="BA140" s="38">
        <v>7371</v>
      </c>
      <c r="BB140" s="68">
        <v>23.6</v>
      </c>
      <c r="BC140" s="40">
        <v>31200</v>
      </c>
      <c r="BD140" s="38">
        <v>7735</v>
      </c>
      <c r="BE140" s="41">
        <v>24.8</v>
      </c>
      <c r="BF140" s="37">
        <v>31044</v>
      </c>
      <c r="BG140" s="38">
        <v>31119</v>
      </c>
      <c r="BH140" s="38">
        <v>8107</v>
      </c>
      <c r="BI140" s="38">
        <v>8110</v>
      </c>
      <c r="BJ140" s="69">
        <v>26.1</v>
      </c>
      <c r="BK140" s="39">
        <v>26.1</v>
      </c>
      <c r="BL140" s="40">
        <v>31010</v>
      </c>
      <c r="BM140" s="38">
        <v>31091</v>
      </c>
      <c r="BN140" s="38">
        <v>8422</v>
      </c>
      <c r="BO140" s="38">
        <v>8425</v>
      </c>
      <c r="BP140" s="47">
        <v>27.2</v>
      </c>
      <c r="BQ140" s="67">
        <v>27.1</v>
      </c>
      <c r="BR140" s="37">
        <v>30858</v>
      </c>
      <c r="BS140" s="38">
        <v>30931</v>
      </c>
      <c r="BT140" s="38">
        <v>8952</v>
      </c>
      <c r="BU140" s="38">
        <v>8955</v>
      </c>
      <c r="BV140" s="47">
        <v>29</v>
      </c>
      <c r="BW140" s="39">
        <v>29</v>
      </c>
      <c r="BX140" s="70">
        <v>30700</v>
      </c>
      <c r="BY140" s="38">
        <v>30782</v>
      </c>
      <c r="BZ140" s="74">
        <v>9365</v>
      </c>
      <c r="CA140" s="38">
        <v>9370</v>
      </c>
      <c r="CB140" s="47">
        <v>30.5</v>
      </c>
      <c r="CC140" s="41">
        <v>30.4</v>
      </c>
      <c r="CD140" s="95">
        <v>30560</v>
      </c>
      <c r="CE140" s="38">
        <v>30654</v>
      </c>
      <c r="CF140" s="74">
        <v>9694</v>
      </c>
      <c r="CG140" s="38">
        <v>9700</v>
      </c>
      <c r="CH140" s="47">
        <v>31.7</v>
      </c>
      <c r="CI140" s="39">
        <v>31.6</v>
      </c>
      <c r="CJ140" s="40">
        <v>30426</v>
      </c>
      <c r="CK140" s="38">
        <v>30542</v>
      </c>
      <c r="CL140" s="38">
        <v>9989</v>
      </c>
      <c r="CM140" s="38">
        <v>9995</v>
      </c>
      <c r="CN140" s="47">
        <v>32.799999999999997</v>
      </c>
      <c r="CO140" s="41">
        <v>32.700000000000003</v>
      </c>
      <c r="CP140" s="37">
        <v>30324</v>
      </c>
      <c r="CQ140" s="38">
        <v>30474</v>
      </c>
      <c r="CR140" s="38">
        <v>10233</v>
      </c>
      <c r="CS140" s="38">
        <v>10241</v>
      </c>
      <c r="CT140" s="47">
        <v>33.700000000000003</v>
      </c>
      <c r="CU140" s="49">
        <v>33.6</v>
      </c>
      <c r="CV140" s="37">
        <v>30136</v>
      </c>
      <c r="CW140" s="38">
        <v>30315</v>
      </c>
      <c r="CX140" s="38">
        <v>10434</v>
      </c>
      <c r="CY140" s="38">
        <v>10443</v>
      </c>
      <c r="CZ140" s="47">
        <f t="shared" si="12"/>
        <v>34.6</v>
      </c>
      <c r="DA140" s="49">
        <f t="shared" si="13"/>
        <v>34.4</v>
      </c>
      <c r="DB140" s="37">
        <v>30066</v>
      </c>
      <c r="DC140" s="38">
        <v>30250</v>
      </c>
      <c r="DD140" s="38">
        <v>10618</v>
      </c>
      <c r="DE140" s="38">
        <v>10626</v>
      </c>
      <c r="DF140" s="47">
        <v>35.299999999999997</v>
      </c>
      <c r="DG140" s="49">
        <v>35.1</v>
      </c>
      <c r="DH140" s="37">
        <v>29885</v>
      </c>
      <c r="DI140" s="38">
        <v>30043</v>
      </c>
      <c r="DJ140" s="38">
        <v>10753</v>
      </c>
      <c r="DK140" s="38">
        <v>10762</v>
      </c>
      <c r="DL140" s="21">
        <f t="shared" si="14"/>
        <v>35.981261502425966</v>
      </c>
      <c r="DM140" s="23">
        <f t="shared" si="15"/>
        <v>35.821988483174117</v>
      </c>
      <c r="DN140" s="37">
        <v>29673</v>
      </c>
      <c r="DO140" s="38">
        <v>29857</v>
      </c>
      <c r="DP140" s="38">
        <v>10817</v>
      </c>
      <c r="DQ140" s="38">
        <v>10826</v>
      </c>
      <c r="DR140" s="21">
        <f t="shared" si="16"/>
        <v>36.454015434907156</v>
      </c>
      <c r="DS140" s="23">
        <f t="shared" si="17"/>
        <v>36.259503633988679</v>
      </c>
    </row>
    <row r="141" spans="1:123" x14ac:dyDescent="0.2">
      <c r="A141" s="175" t="s">
        <v>57</v>
      </c>
      <c r="B141" s="176"/>
      <c r="C141" s="121" t="s">
        <v>61</v>
      </c>
      <c r="D141" s="53">
        <v>52621</v>
      </c>
      <c r="E141" s="51">
        <v>5848</v>
      </c>
      <c r="F141" s="52">
        <v>11.1</v>
      </c>
      <c r="G141" s="53">
        <v>53264</v>
      </c>
      <c r="H141" s="51">
        <v>6251</v>
      </c>
      <c r="I141" s="54">
        <v>11.7</v>
      </c>
      <c r="J141" s="50">
        <v>53764</v>
      </c>
      <c r="K141" s="51">
        <v>6612</v>
      </c>
      <c r="L141" s="52">
        <v>12.3</v>
      </c>
      <c r="M141" s="53">
        <v>54155</v>
      </c>
      <c r="N141" s="51">
        <v>6982</v>
      </c>
      <c r="O141" s="54">
        <v>12.9</v>
      </c>
      <c r="P141" s="50">
        <v>54638</v>
      </c>
      <c r="Q141" s="51">
        <v>7345</v>
      </c>
      <c r="R141" s="52">
        <v>13.4</v>
      </c>
      <c r="S141" s="53">
        <v>55103</v>
      </c>
      <c r="T141" s="51">
        <v>7681</v>
      </c>
      <c r="U141" s="58">
        <v>13.9</v>
      </c>
      <c r="V141" s="50">
        <v>55323</v>
      </c>
      <c r="W141" s="51">
        <v>8130</v>
      </c>
      <c r="X141" s="55">
        <v>14.7</v>
      </c>
      <c r="Y141" s="53">
        <v>55526</v>
      </c>
      <c r="Z141" s="51">
        <v>8489</v>
      </c>
      <c r="AA141" s="58">
        <v>15.3</v>
      </c>
      <c r="AB141" s="50">
        <v>55910</v>
      </c>
      <c r="AC141" s="51">
        <v>8858</v>
      </c>
      <c r="AD141" s="55">
        <v>15.8</v>
      </c>
      <c r="AE141" s="53">
        <v>56034</v>
      </c>
      <c r="AF141" s="51">
        <v>9174</v>
      </c>
      <c r="AG141" s="58">
        <v>16.399999999999999</v>
      </c>
      <c r="AH141" s="50">
        <v>56278</v>
      </c>
      <c r="AI141" s="51">
        <v>9517</v>
      </c>
      <c r="AJ141" s="55">
        <v>16.899999999999999</v>
      </c>
      <c r="AK141" s="53">
        <v>61347</v>
      </c>
      <c r="AL141" s="51">
        <v>11669</v>
      </c>
      <c r="AM141" s="58">
        <v>19</v>
      </c>
      <c r="AN141" s="50">
        <v>61328</v>
      </c>
      <c r="AO141" s="51">
        <v>12160</v>
      </c>
      <c r="AP141" s="55">
        <v>19.8</v>
      </c>
      <c r="AQ141" s="53">
        <v>61367</v>
      </c>
      <c r="AR141" s="51">
        <v>12673</v>
      </c>
      <c r="AS141" s="58">
        <v>20.7</v>
      </c>
      <c r="AT141" s="50">
        <v>61191</v>
      </c>
      <c r="AU141" s="51">
        <v>13235</v>
      </c>
      <c r="AV141" s="55">
        <v>21.6</v>
      </c>
      <c r="AW141" s="53">
        <v>61109</v>
      </c>
      <c r="AX141" s="51">
        <v>13613</v>
      </c>
      <c r="AY141" s="54">
        <v>22.3</v>
      </c>
      <c r="AZ141" s="50">
        <v>60878</v>
      </c>
      <c r="BA141" s="51">
        <v>13957</v>
      </c>
      <c r="BB141" s="55">
        <v>22.9</v>
      </c>
      <c r="BC141" s="53">
        <v>60616</v>
      </c>
      <c r="BD141" s="51">
        <v>14584</v>
      </c>
      <c r="BE141" s="54">
        <v>24.1</v>
      </c>
      <c r="BF141" s="50">
        <v>60275</v>
      </c>
      <c r="BG141" s="51">
        <v>60408</v>
      </c>
      <c r="BH141" s="51">
        <v>15326</v>
      </c>
      <c r="BI141" s="51">
        <v>15327</v>
      </c>
      <c r="BJ141" s="56">
        <v>25.4</v>
      </c>
      <c r="BK141" s="52">
        <v>25.4</v>
      </c>
      <c r="BL141" s="53">
        <v>59827</v>
      </c>
      <c r="BM141" s="51">
        <v>59986</v>
      </c>
      <c r="BN141" s="51">
        <v>15885</v>
      </c>
      <c r="BO141" s="51">
        <v>15886</v>
      </c>
      <c r="BP141" s="57">
        <v>26.6</v>
      </c>
      <c r="BQ141" s="58">
        <v>26.5</v>
      </c>
      <c r="BR141" s="50">
        <v>59218</v>
      </c>
      <c r="BS141" s="51">
        <v>59362</v>
      </c>
      <c r="BT141" s="51">
        <v>16853</v>
      </c>
      <c r="BU141" s="51">
        <v>16854</v>
      </c>
      <c r="BV141" s="57">
        <v>28.5</v>
      </c>
      <c r="BW141" s="52">
        <v>28.4</v>
      </c>
      <c r="BX141" s="59">
        <v>58929</v>
      </c>
      <c r="BY141" s="51">
        <v>59202</v>
      </c>
      <c r="BZ141" s="72">
        <v>17557</v>
      </c>
      <c r="CA141" s="51">
        <v>17560</v>
      </c>
      <c r="CB141" s="57">
        <v>29.8</v>
      </c>
      <c r="CC141" s="54">
        <v>29.7</v>
      </c>
      <c r="CD141" s="93">
        <v>58634</v>
      </c>
      <c r="CE141" s="51">
        <v>58950</v>
      </c>
      <c r="CF141" s="72">
        <v>18230</v>
      </c>
      <c r="CG141" s="51">
        <v>18234</v>
      </c>
      <c r="CH141" s="57">
        <v>31.1</v>
      </c>
      <c r="CI141" s="54">
        <v>30.9</v>
      </c>
      <c r="CJ141" s="50">
        <v>58166</v>
      </c>
      <c r="CK141" s="51">
        <v>58502</v>
      </c>
      <c r="CL141" s="51">
        <v>18696</v>
      </c>
      <c r="CM141" s="51">
        <v>18699</v>
      </c>
      <c r="CN141" s="57">
        <v>32.1</v>
      </c>
      <c r="CO141" s="52">
        <v>32</v>
      </c>
      <c r="CP141" s="50">
        <v>57951</v>
      </c>
      <c r="CQ141" s="51">
        <v>58345</v>
      </c>
      <c r="CR141" s="51">
        <v>19083</v>
      </c>
      <c r="CS141" s="51">
        <v>19088</v>
      </c>
      <c r="CT141" s="57">
        <v>32.9</v>
      </c>
      <c r="CU141" s="61">
        <v>32.700000000000003</v>
      </c>
      <c r="CV141" s="50">
        <v>57822</v>
      </c>
      <c r="CW141" s="51">
        <v>58288</v>
      </c>
      <c r="CX141" s="51">
        <v>19389</v>
      </c>
      <c r="CY141" s="51">
        <v>19394</v>
      </c>
      <c r="CZ141" s="21">
        <f t="shared" si="12"/>
        <v>33.5</v>
      </c>
      <c r="DA141" s="23">
        <f t="shared" si="13"/>
        <v>33.299999999999997</v>
      </c>
      <c r="DB141" s="50">
        <v>57791</v>
      </c>
      <c r="DC141" s="51">
        <v>58282</v>
      </c>
      <c r="DD141" s="51">
        <v>19667</v>
      </c>
      <c r="DE141" s="51">
        <v>19674</v>
      </c>
      <c r="DF141" s="21">
        <v>34</v>
      </c>
      <c r="DG141" s="23">
        <v>33.799999999999997</v>
      </c>
      <c r="DH141" s="50">
        <v>57598</v>
      </c>
      <c r="DI141" s="51">
        <v>58096</v>
      </c>
      <c r="DJ141" s="51">
        <v>19709</v>
      </c>
      <c r="DK141" s="51">
        <v>19717</v>
      </c>
      <c r="DL141" s="57">
        <f t="shared" si="14"/>
        <v>34.218202020903504</v>
      </c>
      <c r="DM141" s="61">
        <f t="shared" si="15"/>
        <v>33.938653263563758</v>
      </c>
      <c r="DN141" s="50">
        <v>57328</v>
      </c>
      <c r="DO141" s="51">
        <v>57954</v>
      </c>
      <c r="DP141" s="51">
        <v>19656</v>
      </c>
      <c r="DQ141" s="51">
        <v>19664</v>
      </c>
      <c r="DR141" s="57">
        <f t="shared" si="16"/>
        <v>34.286910410270721</v>
      </c>
      <c r="DS141" s="61">
        <f t="shared" si="17"/>
        <v>33.93035856023743</v>
      </c>
    </row>
    <row r="142" spans="1:123" x14ac:dyDescent="0.2">
      <c r="A142" s="175"/>
      <c r="B142" s="176"/>
      <c r="C142" s="123" t="s">
        <v>62</v>
      </c>
      <c r="D142" s="27">
        <v>25631</v>
      </c>
      <c r="E142" s="25">
        <v>2533</v>
      </c>
      <c r="F142" s="26">
        <v>9.9</v>
      </c>
      <c r="G142" s="27">
        <v>26026</v>
      </c>
      <c r="H142" s="25">
        <v>2722</v>
      </c>
      <c r="I142" s="28">
        <v>10.5</v>
      </c>
      <c r="J142" s="24">
        <v>26261</v>
      </c>
      <c r="K142" s="25">
        <v>2873</v>
      </c>
      <c r="L142" s="26">
        <v>10.9</v>
      </c>
      <c r="M142" s="27">
        <v>26456</v>
      </c>
      <c r="N142" s="25">
        <v>3028</v>
      </c>
      <c r="O142" s="28">
        <v>11.4</v>
      </c>
      <c r="P142" s="24">
        <v>26652</v>
      </c>
      <c r="Q142" s="25">
        <v>3169</v>
      </c>
      <c r="R142" s="26">
        <v>11.9</v>
      </c>
      <c r="S142" s="27">
        <v>26795</v>
      </c>
      <c r="T142" s="25">
        <v>3303</v>
      </c>
      <c r="U142" s="62">
        <v>12.3</v>
      </c>
      <c r="V142" s="24">
        <v>26979</v>
      </c>
      <c r="W142" s="25">
        <v>3501</v>
      </c>
      <c r="X142" s="63">
        <v>13</v>
      </c>
      <c r="Y142" s="27">
        <v>27074</v>
      </c>
      <c r="Z142" s="25">
        <v>3663</v>
      </c>
      <c r="AA142" s="62">
        <v>13.5</v>
      </c>
      <c r="AB142" s="24">
        <v>27197</v>
      </c>
      <c r="AC142" s="25">
        <v>3826</v>
      </c>
      <c r="AD142" s="63">
        <v>14.1</v>
      </c>
      <c r="AE142" s="27">
        <v>27275</v>
      </c>
      <c r="AF142" s="25">
        <v>3947</v>
      </c>
      <c r="AG142" s="62">
        <v>14.5</v>
      </c>
      <c r="AH142" s="24">
        <v>27401</v>
      </c>
      <c r="AI142" s="25">
        <v>4095</v>
      </c>
      <c r="AJ142" s="63">
        <v>14.9</v>
      </c>
      <c r="AK142" s="27">
        <v>29909</v>
      </c>
      <c r="AL142" s="25">
        <v>5030</v>
      </c>
      <c r="AM142" s="62">
        <v>16.8</v>
      </c>
      <c r="AN142" s="24">
        <v>29838</v>
      </c>
      <c r="AO142" s="25">
        <v>5263</v>
      </c>
      <c r="AP142" s="63">
        <v>17.600000000000001</v>
      </c>
      <c r="AQ142" s="27">
        <v>29820</v>
      </c>
      <c r="AR142" s="25">
        <v>5524</v>
      </c>
      <c r="AS142" s="62">
        <v>18.5</v>
      </c>
      <c r="AT142" s="24">
        <v>29650</v>
      </c>
      <c r="AU142" s="25">
        <v>5765</v>
      </c>
      <c r="AV142" s="63">
        <v>19.399999999999999</v>
      </c>
      <c r="AW142" s="27">
        <v>29658</v>
      </c>
      <c r="AX142" s="25">
        <v>5951</v>
      </c>
      <c r="AY142" s="28">
        <v>20.100000000000001</v>
      </c>
      <c r="AZ142" s="24">
        <v>29469</v>
      </c>
      <c r="BA142" s="25">
        <v>6086</v>
      </c>
      <c r="BB142" s="63">
        <v>20.7</v>
      </c>
      <c r="BC142" s="27">
        <v>29355</v>
      </c>
      <c r="BD142" s="25">
        <v>6354</v>
      </c>
      <c r="BE142" s="28">
        <v>21.6</v>
      </c>
      <c r="BF142" s="24">
        <v>29143</v>
      </c>
      <c r="BG142" s="25">
        <v>29201</v>
      </c>
      <c r="BH142" s="25">
        <v>6696</v>
      </c>
      <c r="BI142" s="25">
        <v>6697</v>
      </c>
      <c r="BJ142" s="64">
        <v>23</v>
      </c>
      <c r="BK142" s="26">
        <v>22.9</v>
      </c>
      <c r="BL142" s="27">
        <v>28946</v>
      </c>
      <c r="BM142" s="25">
        <v>29000</v>
      </c>
      <c r="BN142" s="25">
        <v>6949</v>
      </c>
      <c r="BO142" s="25">
        <v>6950</v>
      </c>
      <c r="BP142" s="34">
        <v>24</v>
      </c>
      <c r="BQ142" s="62">
        <v>24</v>
      </c>
      <c r="BR142" s="24">
        <v>28675</v>
      </c>
      <c r="BS142" s="25">
        <v>28739</v>
      </c>
      <c r="BT142" s="25">
        <v>7414</v>
      </c>
      <c r="BU142" s="25">
        <v>7415</v>
      </c>
      <c r="BV142" s="34">
        <v>25.9</v>
      </c>
      <c r="BW142" s="26">
        <v>25.8</v>
      </c>
      <c r="BX142" s="65">
        <v>28512</v>
      </c>
      <c r="BY142" s="25">
        <v>28609</v>
      </c>
      <c r="BZ142" s="73">
        <v>7743</v>
      </c>
      <c r="CA142" s="25">
        <v>7746</v>
      </c>
      <c r="CB142" s="34">
        <v>27.2</v>
      </c>
      <c r="CC142" s="28">
        <v>27.1</v>
      </c>
      <c r="CD142" s="94">
        <v>28376</v>
      </c>
      <c r="CE142" s="25">
        <v>28462</v>
      </c>
      <c r="CF142" s="73">
        <v>8028</v>
      </c>
      <c r="CG142" s="25">
        <v>8030</v>
      </c>
      <c r="CH142" s="34">
        <v>28.3</v>
      </c>
      <c r="CI142" s="28">
        <v>28.2</v>
      </c>
      <c r="CJ142" s="24">
        <v>28121</v>
      </c>
      <c r="CK142" s="25">
        <v>28226</v>
      </c>
      <c r="CL142" s="25">
        <v>8198</v>
      </c>
      <c r="CM142" s="25">
        <v>8200</v>
      </c>
      <c r="CN142" s="34">
        <v>29.2</v>
      </c>
      <c r="CO142" s="26">
        <v>29.1</v>
      </c>
      <c r="CP142" s="24">
        <v>28022</v>
      </c>
      <c r="CQ142" s="25">
        <v>28149</v>
      </c>
      <c r="CR142" s="25">
        <v>8382</v>
      </c>
      <c r="CS142" s="25">
        <v>8385</v>
      </c>
      <c r="CT142" s="34">
        <v>29.9</v>
      </c>
      <c r="CU142" s="36">
        <v>29.8</v>
      </c>
      <c r="CV142" s="24">
        <v>28007</v>
      </c>
      <c r="CW142" s="25">
        <v>28177</v>
      </c>
      <c r="CX142" s="25">
        <v>8517</v>
      </c>
      <c r="CY142" s="25">
        <v>8520</v>
      </c>
      <c r="CZ142" s="34">
        <f t="shared" si="12"/>
        <v>30.4</v>
      </c>
      <c r="DA142" s="36">
        <f t="shared" si="13"/>
        <v>30.2</v>
      </c>
      <c r="DB142" s="24">
        <v>28032</v>
      </c>
      <c r="DC142" s="25">
        <v>28231</v>
      </c>
      <c r="DD142" s="25">
        <v>8650</v>
      </c>
      <c r="DE142" s="25">
        <v>8654</v>
      </c>
      <c r="DF142" s="34">
        <v>30.9</v>
      </c>
      <c r="DG142" s="36">
        <v>30.7</v>
      </c>
      <c r="DH142" s="24">
        <v>27930</v>
      </c>
      <c r="DI142" s="25">
        <v>28157</v>
      </c>
      <c r="DJ142" s="25">
        <v>8654</v>
      </c>
      <c r="DK142" s="25">
        <v>8659</v>
      </c>
      <c r="DL142" s="34">
        <f t="shared" si="14"/>
        <v>30.984604368063014</v>
      </c>
      <c r="DM142" s="36">
        <f t="shared" si="15"/>
        <v>30.752565969385941</v>
      </c>
      <c r="DN142" s="24">
        <v>27784</v>
      </c>
      <c r="DO142" s="25">
        <v>28040</v>
      </c>
      <c r="DP142" s="25">
        <v>8599</v>
      </c>
      <c r="DQ142" s="25">
        <v>8603</v>
      </c>
      <c r="DR142" s="34">
        <f t="shared" si="16"/>
        <v>30.949467319320473</v>
      </c>
      <c r="DS142" s="36">
        <f t="shared" si="17"/>
        <v>30.6811697574893</v>
      </c>
    </row>
    <row r="143" spans="1:123" x14ac:dyDescent="0.2">
      <c r="A143" s="175"/>
      <c r="B143" s="176"/>
      <c r="C143" s="122" t="s">
        <v>63</v>
      </c>
      <c r="D143" s="40">
        <v>26990</v>
      </c>
      <c r="E143" s="38">
        <v>3315</v>
      </c>
      <c r="F143" s="39">
        <v>12.3</v>
      </c>
      <c r="G143" s="40">
        <v>27238</v>
      </c>
      <c r="H143" s="38">
        <v>3529</v>
      </c>
      <c r="I143" s="41">
        <v>13</v>
      </c>
      <c r="J143" s="37">
        <v>27503</v>
      </c>
      <c r="K143" s="38">
        <v>3739</v>
      </c>
      <c r="L143" s="39">
        <v>13.6</v>
      </c>
      <c r="M143" s="40">
        <v>27699</v>
      </c>
      <c r="N143" s="38">
        <v>3954</v>
      </c>
      <c r="O143" s="41">
        <v>14.3</v>
      </c>
      <c r="P143" s="37">
        <v>27986</v>
      </c>
      <c r="Q143" s="38">
        <v>4176</v>
      </c>
      <c r="R143" s="39">
        <v>14.9</v>
      </c>
      <c r="S143" s="40">
        <v>28308</v>
      </c>
      <c r="T143" s="38">
        <v>4378</v>
      </c>
      <c r="U143" s="67">
        <v>15.5</v>
      </c>
      <c r="V143" s="37">
        <v>28344</v>
      </c>
      <c r="W143" s="38">
        <v>4629</v>
      </c>
      <c r="X143" s="68">
        <v>16.3</v>
      </c>
      <c r="Y143" s="40">
        <v>28452</v>
      </c>
      <c r="Z143" s="38">
        <v>4826</v>
      </c>
      <c r="AA143" s="67">
        <v>17</v>
      </c>
      <c r="AB143" s="37">
        <v>28713</v>
      </c>
      <c r="AC143" s="38">
        <v>5032</v>
      </c>
      <c r="AD143" s="68">
        <v>17.5</v>
      </c>
      <c r="AE143" s="40">
        <v>28759</v>
      </c>
      <c r="AF143" s="38">
        <v>5227</v>
      </c>
      <c r="AG143" s="67">
        <v>18.2</v>
      </c>
      <c r="AH143" s="37">
        <v>28877</v>
      </c>
      <c r="AI143" s="38">
        <v>5422</v>
      </c>
      <c r="AJ143" s="68">
        <v>18.8</v>
      </c>
      <c r="AK143" s="40">
        <v>31438</v>
      </c>
      <c r="AL143" s="38">
        <v>6639</v>
      </c>
      <c r="AM143" s="67">
        <v>21.1</v>
      </c>
      <c r="AN143" s="37">
        <v>31490</v>
      </c>
      <c r="AO143" s="38">
        <v>6897</v>
      </c>
      <c r="AP143" s="68">
        <v>21.9</v>
      </c>
      <c r="AQ143" s="40">
        <v>31547</v>
      </c>
      <c r="AR143" s="38">
        <v>7149</v>
      </c>
      <c r="AS143" s="67">
        <v>22.7</v>
      </c>
      <c r="AT143" s="37">
        <v>31541</v>
      </c>
      <c r="AU143" s="38">
        <v>7470</v>
      </c>
      <c r="AV143" s="68">
        <v>23.7</v>
      </c>
      <c r="AW143" s="40">
        <v>31451</v>
      </c>
      <c r="AX143" s="38">
        <v>7662</v>
      </c>
      <c r="AY143" s="41">
        <v>24.4</v>
      </c>
      <c r="AZ143" s="37">
        <v>31409</v>
      </c>
      <c r="BA143" s="38">
        <v>7871</v>
      </c>
      <c r="BB143" s="68">
        <v>25.1</v>
      </c>
      <c r="BC143" s="40">
        <v>31261</v>
      </c>
      <c r="BD143" s="38">
        <v>8230</v>
      </c>
      <c r="BE143" s="41">
        <v>26.3</v>
      </c>
      <c r="BF143" s="37">
        <v>31132</v>
      </c>
      <c r="BG143" s="38">
        <v>31207</v>
      </c>
      <c r="BH143" s="38">
        <v>8630</v>
      </c>
      <c r="BI143" s="38">
        <v>8630</v>
      </c>
      <c r="BJ143" s="69">
        <v>27.7</v>
      </c>
      <c r="BK143" s="39">
        <v>27.7</v>
      </c>
      <c r="BL143" s="40">
        <v>30881</v>
      </c>
      <c r="BM143" s="38">
        <v>30986</v>
      </c>
      <c r="BN143" s="38">
        <v>8936</v>
      </c>
      <c r="BO143" s="38">
        <v>8936</v>
      </c>
      <c r="BP143" s="47">
        <v>28.9</v>
      </c>
      <c r="BQ143" s="67">
        <v>28.8</v>
      </c>
      <c r="BR143" s="37">
        <v>30543</v>
      </c>
      <c r="BS143" s="38">
        <v>30623</v>
      </c>
      <c r="BT143" s="38">
        <v>9439</v>
      </c>
      <c r="BU143" s="38">
        <v>9439</v>
      </c>
      <c r="BV143" s="47">
        <v>30.9</v>
      </c>
      <c r="BW143" s="39">
        <v>30.8</v>
      </c>
      <c r="BX143" s="70">
        <v>30417</v>
      </c>
      <c r="BY143" s="38">
        <v>30593</v>
      </c>
      <c r="BZ143" s="74">
        <v>9814</v>
      </c>
      <c r="CA143" s="38">
        <v>9814</v>
      </c>
      <c r="CB143" s="47">
        <v>32.299999999999997</v>
      </c>
      <c r="CC143" s="41">
        <v>32.1</v>
      </c>
      <c r="CD143" s="95">
        <v>30258</v>
      </c>
      <c r="CE143" s="38">
        <v>30488</v>
      </c>
      <c r="CF143" s="74">
        <v>10202</v>
      </c>
      <c r="CG143" s="38">
        <v>10204</v>
      </c>
      <c r="CH143" s="47">
        <v>33.700000000000003</v>
      </c>
      <c r="CI143" s="41">
        <v>33.5</v>
      </c>
      <c r="CJ143" s="37">
        <v>30045</v>
      </c>
      <c r="CK143" s="38">
        <v>30276</v>
      </c>
      <c r="CL143" s="38">
        <v>10498</v>
      </c>
      <c r="CM143" s="38">
        <v>10499</v>
      </c>
      <c r="CN143" s="47">
        <v>34.9</v>
      </c>
      <c r="CO143" s="39">
        <v>34.700000000000003</v>
      </c>
      <c r="CP143" s="37">
        <v>29929</v>
      </c>
      <c r="CQ143" s="38">
        <v>30196</v>
      </c>
      <c r="CR143" s="38">
        <v>10701</v>
      </c>
      <c r="CS143" s="38">
        <v>10703</v>
      </c>
      <c r="CT143" s="47">
        <v>35.799999999999997</v>
      </c>
      <c r="CU143" s="49">
        <v>35.4</v>
      </c>
      <c r="CV143" s="37">
        <v>29815</v>
      </c>
      <c r="CW143" s="38">
        <v>30111</v>
      </c>
      <c r="CX143" s="38">
        <v>10872</v>
      </c>
      <c r="CY143" s="38">
        <v>10874</v>
      </c>
      <c r="CZ143" s="47">
        <f t="shared" si="12"/>
        <v>36.5</v>
      </c>
      <c r="DA143" s="49">
        <f t="shared" si="13"/>
        <v>36.1</v>
      </c>
      <c r="DB143" s="37">
        <v>29759</v>
      </c>
      <c r="DC143" s="38">
        <v>30051</v>
      </c>
      <c r="DD143" s="38">
        <v>11017</v>
      </c>
      <c r="DE143" s="38">
        <v>11020</v>
      </c>
      <c r="DF143" s="47">
        <v>37</v>
      </c>
      <c r="DG143" s="49">
        <v>36.700000000000003</v>
      </c>
      <c r="DH143" s="37">
        <v>29668</v>
      </c>
      <c r="DI143" s="38">
        <v>29939</v>
      </c>
      <c r="DJ143" s="38">
        <v>11055</v>
      </c>
      <c r="DK143" s="38">
        <v>11058</v>
      </c>
      <c r="DL143" s="21">
        <f t="shared" si="14"/>
        <v>37.262370230551433</v>
      </c>
      <c r="DM143" s="23">
        <f t="shared" si="15"/>
        <v>36.935101372791337</v>
      </c>
      <c r="DN143" s="37">
        <v>29544</v>
      </c>
      <c r="DO143" s="38">
        <v>29914</v>
      </c>
      <c r="DP143" s="38">
        <v>11057</v>
      </c>
      <c r="DQ143" s="38">
        <v>11061</v>
      </c>
      <c r="DR143" s="21">
        <f t="shared" si="16"/>
        <v>37.425534795559166</v>
      </c>
      <c r="DS143" s="23">
        <f t="shared" si="17"/>
        <v>36.975997860533525</v>
      </c>
    </row>
    <row r="144" spans="1:123" x14ac:dyDescent="0.2">
      <c r="A144" s="175" t="s">
        <v>58</v>
      </c>
      <c r="B144" s="176"/>
      <c r="C144" s="121" t="s">
        <v>61</v>
      </c>
      <c r="D144" s="80"/>
      <c r="E144" s="78"/>
      <c r="F144" s="79"/>
      <c r="G144" s="80"/>
      <c r="H144" s="78"/>
      <c r="I144" s="81"/>
      <c r="J144" s="77"/>
      <c r="K144" s="78"/>
      <c r="L144" s="79"/>
      <c r="M144" s="80"/>
      <c r="N144" s="78"/>
      <c r="O144" s="81"/>
      <c r="P144" s="77"/>
      <c r="Q144" s="78"/>
      <c r="R144" s="79"/>
      <c r="S144" s="80"/>
      <c r="T144" s="78"/>
      <c r="U144" s="81"/>
      <c r="V144" s="77"/>
      <c r="W144" s="78"/>
      <c r="X144" s="79"/>
      <c r="Y144" s="80"/>
      <c r="Z144" s="78"/>
      <c r="AA144" s="81"/>
      <c r="AB144" s="77"/>
      <c r="AC144" s="78"/>
      <c r="AD144" s="79"/>
      <c r="AE144" s="80"/>
      <c r="AF144" s="78"/>
      <c r="AG144" s="81"/>
      <c r="AH144" s="77"/>
      <c r="AI144" s="78"/>
      <c r="AJ144" s="79"/>
      <c r="AK144" s="53">
        <v>49430</v>
      </c>
      <c r="AL144" s="51">
        <v>9738</v>
      </c>
      <c r="AM144" s="58">
        <v>19.7</v>
      </c>
      <c r="AN144" s="50">
        <v>49493</v>
      </c>
      <c r="AO144" s="51">
        <v>10101</v>
      </c>
      <c r="AP144" s="55">
        <v>20.399999999999999</v>
      </c>
      <c r="AQ144" s="53">
        <v>49452</v>
      </c>
      <c r="AR144" s="51">
        <v>10359</v>
      </c>
      <c r="AS144" s="58">
        <v>20.9</v>
      </c>
      <c r="AT144" s="50">
        <v>49371</v>
      </c>
      <c r="AU144" s="51">
        <v>10641</v>
      </c>
      <c r="AV144" s="55">
        <v>21.6</v>
      </c>
      <c r="AW144" s="53">
        <v>49295</v>
      </c>
      <c r="AX144" s="51">
        <v>10826</v>
      </c>
      <c r="AY144" s="54">
        <v>22</v>
      </c>
      <c r="AZ144" s="50">
        <v>49100</v>
      </c>
      <c r="BA144" s="51">
        <v>10894</v>
      </c>
      <c r="BB144" s="55">
        <v>22.2</v>
      </c>
      <c r="BC144" s="53">
        <v>48779</v>
      </c>
      <c r="BD144" s="51">
        <v>11089</v>
      </c>
      <c r="BE144" s="54">
        <v>22.7</v>
      </c>
      <c r="BF144" s="50">
        <v>48393</v>
      </c>
      <c r="BG144" s="51">
        <v>48477</v>
      </c>
      <c r="BH144" s="51">
        <v>11453</v>
      </c>
      <c r="BI144" s="51">
        <v>11456</v>
      </c>
      <c r="BJ144" s="56">
        <v>23.7</v>
      </c>
      <c r="BK144" s="52">
        <v>23.6</v>
      </c>
      <c r="BL144" s="53">
        <v>48235</v>
      </c>
      <c r="BM144" s="51">
        <v>48323</v>
      </c>
      <c r="BN144" s="51">
        <v>11672</v>
      </c>
      <c r="BO144" s="51">
        <v>11675</v>
      </c>
      <c r="BP144" s="57">
        <v>24.2</v>
      </c>
      <c r="BQ144" s="58">
        <v>24.2</v>
      </c>
      <c r="BR144" s="50">
        <v>47867</v>
      </c>
      <c r="BS144" s="51">
        <v>47967</v>
      </c>
      <c r="BT144" s="51">
        <v>12139</v>
      </c>
      <c r="BU144" s="51">
        <v>12143</v>
      </c>
      <c r="BV144" s="57">
        <v>25.4</v>
      </c>
      <c r="BW144" s="52">
        <v>25.3</v>
      </c>
      <c r="BX144" s="53">
        <v>47490</v>
      </c>
      <c r="BY144" s="51">
        <v>47603</v>
      </c>
      <c r="BZ144" s="51">
        <v>12550</v>
      </c>
      <c r="CA144" s="51">
        <v>12555</v>
      </c>
      <c r="CB144" s="57">
        <v>26.4</v>
      </c>
      <c r="CC144" s="54">
        <v>26.4</v>
      </c>
      <c r="CD144" s="93">
        <v>47024</v>
      </c>
      <c r="CE144" s="51">
        <v>47181</v>
      </c>
      <c r="CF144" s="72">
        <v>12779</v>
      </c>
      <c r="CG144" s="51">
        <v>12784</v>
      </c>
      <c r="CH144" s="57">
        <v>27.2</v>
      </c>
      <c r="CI144" s="54">
        <v>27.1</v>
      </c>
      <c r="CJ144" s="50">
        <v>46648</v>
      </c>
      <c r="CK144" s="51">
        <v>46829</v>
      </c>
      <c r="CL144" s="51">
        <v>13058</v>
      </c>
      <c r="CM144" s="51">
        <v>13062</v>
      </c>
      <c r="CN144" s="57">
        <v>28</v>
      </c>
      <c r="CO144" s="52">
        <v>27.9</v>
      </c>
      <c r="CP144" s="50">
        <v>46265</v>
      </c>
      <c r="CQ144" s="51">
        <v>46487</v>
      </c>
      <c r="CR144" s="51">
        <v>13291</v>
      </c>
      <c r="CS144" s="51">
        <v>13296</v>
      </c>
      <c r="CT144" s="57">
        <v>28.7</v>
      </c>
      <c r="CU144" s="61">
        <v>28.6</v>
      </c>
      <c r="CV144" s="50">
        <v>45765</v>
      </c>
      <c r="CW144" s="51">
        <v>46031</v>
      </c>
      <c r="CX144" s="51">
        <v>13464</v>
      </c>
      <c r="CY144" s="51">
        <v>13472</v>
      </c>
      <c r="CZ144" s="21">
        <f t="shared" si="12"/>
        <v>29.4</v>
      </c>
      <c r="DA144" s="23">
        <f t="shared" si="13"/>
        <v>29.3</v>
      </c>
      <c r="DB144" s="50">
        <v>45320</v>
      </c>
      <c r="DC144" s="51">
        <v>45657</v>
      </c>
      <c r="DD144" s="51">
        <v>13672</v>
      </c>
      <c r="DE144" s="51">
        <v>13680</v>
      </c>
      <c r="DF144" s="21">
        <v>30.2</v>
      </c>
      <c r="DG144" s="23">
        <v>30</v>
      </c>
      <c r="DH144" s="50">
        <v>44760</v>
      </c>
      <c r="DI144" s="51">
        <v>45025</v>
      </c>
      <c r="DJ144" s="51">
        <v>13805</v>
      </c>
      <c r="DK144" s="51">
        <v>13811</v>
      </c>
      <c r="DL144" s="57">
        <f t="shared" si="14"/>
        <v>30.842269883824841</v>
      </c>
      <c r="DM144" s="61">
        <f t="shared" si="15"/>
        <v>30.674069961132705</v>
      </c>
      <c r="DN144" s="50">
        <v>44100</v>
      </c>
      <c r="DO144" s="51">
        <v>44366</v>
      </c>
      <c r="DP144" s="51">
        <v>13801</v>
      </c>
      <c r="DQ144" s="51">
        <v>13807</v>
      </c>
      <c r="DR144" s="57">
        <f t="shared" si="16"/>
        <v>31.29478458049887</v>
      </c>
      <c r="DS144" s="61">
        <f t="shared" si="17"/>
        <v>31.120677996664114</v>
      </c>
    </row>
    <row r="145" spans="1:123" x14ac:dyDescent="0.2">
      <c r="A145" s="175"/>
      <c r="B145" s="176"/>
      <c r="C145" s="123" t="s">
        <v>62</v>
      </c>
      <c r="D145" s="85"/>
      <c r="E145" s="83"/>
      <c r="F145" s="84"/>
      <c r="G145" s="85"/>
      <c r="H145" s="83"/>
      <c r="I145" s="86"/>
      <c r="J145" s="82"/>
      <c r="K145" s="83"/>
      <c r="L145" s="84"/>
      <c r="M145" s="85"/>
      <c r="N145" s="83"/>
      <c r="O145" s="86"/>
      <c r="P145" s="82"/>
      <c r="Q145" s="83"/>
      <c r="R145" s="84"/>
      <c r="S145" s="85"/>
      <c r="T145" s="83"/>
      <c r="U145" s="86"/>
      <c r="V145" s="82"/>
      <c r="W145" s="83"/>
      <c r="X145" s="84"/>
      <c r="Y145" s="85"/>
      <c r="Z145" s="83"/>
      <c r="AA145" s="86"/>
      <c r="AB145" s="82"/>
      <c r="AC145" s="83"/>
      <c r="AD145" s="84"/>
      <c r="AE145" s="85"/>
      <c r="AF145" s="83"/>
      <c r="AG145" s="86"/>
      <c r="AH145" s="82"/>
      <c r="AI145" s="83"/>
      <c r="AJ145" s="84"/>
      <c r="AK145" s="27">
        <v>23613</v>
      </c>
      <c r="AL145" s="25">
        <v>4011</v>
      </c>
      <c r="AM145" s="62">
        <v>17</v>
      </c>
      <c r="AN145" s="24">
        <v>23562</v>
      </c>
      <c r="AO145" s="25">
        <v>4146</v>
      </c>
      <c r="AP145" s="63">
        <v>17.600000000000001</v>
      </c>
      <c r="AQ145" s="27">
        <v>23489</v>
      </c>
      <c r="AR145" s="25">
        <v>4236</v>
      </c>
      <c r="AS145" s="62">
        <v>18</v>
      </c>
      <c r="AT145" s="24">
        <v>23434</v>
      </c>
      <c r="AU145" s="25">
        <v>4362</v>
      </c>
      <c r="AV145" s="63">
        <v>18.600000000000001</v>
      </c>
      <c r="AW145" s="27">
        <v>23379</v>
      </c>
      <c r="AX145" s="25">
        <v>4444</v>
      </c>
      <c r="AY145" s="28">
        <v>19</v>
      </c>
      <c r="AZ145" s="24">
        <v>23242</v>
      </c>
      <c r="BA145" s="25">
        <v>4431</v>
      </c>
      <c r="BB145" s="63">
        <v>19.100000000000001</v>
      </c>
      <c r="BC145" s="27">
        <v>23067</v>
      </c>
      <c r="BD145" s="25">
        <v>4522</v>
      </c>
      <c r="BE145" s="28">
        <v>19.600000000000001</v>
      </c>
      <c r="BF145" s="24">
        <v>22834</v>
      </c>
      <c r="BG145" s="25">
        <v>22853</v>
      </c>
      <c r="BH145" s="25">
        <v>4668</v>
      </c>
      <c r="BI145" s="25">
        <v>4668</v>
      </c>
      <c r="BJ145" s="64">
        <v>20.399999999999999</v>
      </c>
      <c r="BK145" s="26">
        <v>20.399999999999999</v>
      </c>
      <c r="BL145" s="27">
        <v>22806</v>
      </c>
      <c r="BM145" s="25">
        <v>22826</v>
      </c>
      <c r="BN145" s="25">
        <v>4763</v>
      </c>
      <c r="BO145" s="25">
        <v>4763</v>
      </c>
      <c r="BP145" s="34">
        <v>20.9</v>
      </c>
      <c r="BQ145" s="62">
        <v>20.9</v>
      </c>
      <c r="BR145" s="24">
        <v>22601</v>
      </c>
      <c r="BS145" s="25">
        <v>22628</v>
      </c>
      <c r="BT145" s="25">
        <v>4971</v>
      </c>
      <c r="BU145" s="25">
        <v>4971</v>
      </c>
      <c r="BV145" s="34">
        <v>22</v>
      </c>
      <c r="BW145" s="26">
        <v>22</v>
      </c>
      <c r="BX145" s="27">
        <v>22378</v>
      </c>
      <c r="BY145" s="25">
        <v>22405</v>
      </c>
      <c r="BZ145" s="25">
        <v>5156</v>
      </c>
      <c r="CA145" s="25">
        <v>5156</v>
      </c>
      <c r="CB145" s="34">
        <v>23</v>
      </c>
      <c r="CC145" s="28">
        <v>23</v>
      </c>
      <c r="CD145" s="94">
        <v>22148</v>
      </c>
      <c r="CE145" s="25">
        <v>22174</v>
      </c>
      <c r="CF145" s="73">
        <v>5263</v>
      </c>
      <c r="CG145" s="25">
        <v>5263</v>
      </c>
      <c r="CH145" s="34">
        <v>23.8</v>
      </c>
      <c r="CI145" s="28">
        <v>23.7</v>
      </c>
      <c r="CJ145" s="24">
        <v>21974</v>
      </c>
      <c r="CK145" s="25">
        <v>22006</v>
      </c>
      <c r="CL145" s="25">
        <v>5386</v>
      </c>
      <c r="CM145" s="25">
        <v>5386</v>
      </c>
      <c r="CN145" s="34">
        <v>24.5</v>
      </c>
      <c r="CO145" s="26">
        <v>24.5</v>
      </c>
      <c r="CP145" s="24">
        <v>21789</v>
      </c>
      <c r="CQ145" s="25">
        <v>21825</v>
      </c>
      <c r="CR145" s="25">
        <v>5492</v>
      </c>
      <c r="CS145" s="25">
        <v>5492</v>
      </c>
      <c r="CT145" s="34">
        <v>25.2</v>
      </c>
      <c r="CU145" s="36">
        <v>25.2</v>
      </c>
      <c r="CV145" s="24">
        <v>21543</v>
      </c>
      <c r="CW145" s="25">
        <v>21588</v>
      </c>
      <c r="CX145" s="25">
        <v>5606</v>
      </c>
      <c r="CY145" s="25">
        <v>5608</v>
      </c>
      <c r="CZ145" s="34">
        <f t="shared" si="12"/>
        <v>26</v>
      </c>
      <c r="DA145" s="36">
        <f t="shared" si="13"/>
        <v>26</v>
      </c>
      <c r="DB145" s="24">
        <v>21345</v>
      </c>
      <c r="DC145" s="25">
        <v>21396</v>
      </c>
      <c r="DD145" s="25">
        <v>5692</v>
      </c>
      <c r="DE145" s="25">
        <v>5694</v>
      </c>
      <c r="DF145" s="34">
        <v>26.7</v>
      </c>
      <c r="DG145" s="36">
        <v>26.6</v>
      </c>
      <c r="DH145" s="24">
        <v>21112</v>
      </c>
      <c r="DI145" s="25">
        <v>21164</v>
      </c>
      <c r="DJ145" s="25">
        <v>5777</v>
      </c>
      <c r="DK145" s="25">
        <v>5779</v>
      </c>
      <c r="DL145" s="34">
        <f t="shared" si="14"/>
        <v>27.3635846911709</v>
      </c>
      <c r="DM145" s="36">
        <f t="shared" si="15"/>
        <v>27.305802305802306</v>
      </c>
      <c r="DN145" s="24">
        <v>20777</v>
      </c>
      <c r="DO145" s="25">
        <v>20828</v>
      </c>
      <c r="DP145" s="25">
        <v>5774</v>
      </c>
      <c r="DQ145" s="25">
        <v>5776</v>
      </c>
      <c r="DR145" s="34">
        <f t="shared" si="16"/>
        <v>27.79034509313183</v>
      </c>
      <c r="DS145" s="36">
        <f t="shared" si="17"/>
        <v>27.731899366237755</v>
      </c>
    </row>
    <row r="146" spans="1:123" x14ac:dyDescent="0.2">
      <c r="A146" s="175"/>
      <c r="B146" s="176"/>
      <c r="C146" s="122" t="s">
        <v>63</v>
      </c>
      <c r="D146" s="91"/>
      <c r="E146" s="89"/>
      <c r="F146" s="90"/>
      <c r="G146" s="91"/>
      <c r="H146" s="89"/>
      <c r="I146" s="92"/>
      <c r="J146" s="88"/>
      <c r="K146" s="89"/>
      <c r="L146" s="90"/>
      <c r="M146" s="91"/>
      <c r="N146" s="89"/>
      <c r="O146" s="92"/>
      <c r="P146" s="88"/>
      <c r="Q146" s="89"/>
      <c r="R146" s="90"/>
      <c r="S146" s="91"/>
      <c r="T146" s="89"/>
      <c r="U146" s="92"/>
      <c r="V146" s="88"/>
      <c r="W146" s="89"/>
      <c r="X146" s="90"/>
      <c r="Y146" s="91"/>
      <c r="Z146" s="89"/>
      <c r="AA146" s="92"/>
      <c r="AB146" s="88"/>
      <c r="AC146" s="89"/>
      <c r="AD146" s="90"/>
      <c r="AE146" s="91"/>
      <c r="AF146" s="89"/>
      <c r="AG146" s="92"/>
      <c r="AH146" s="88"/>
      <c r="AI146" s="89"/>
      <c r="AJ146" s="90"/>
      <c r="AK146" s="40">
        <v>25817</v>
      </c>
      <c r="AL146" s="38">
        <v>5727</v>
      </c>
      <c r="AM146" s="67">
        <v>22.2</v>
      </c>
      <c r="AN146" s="37">
        <v>25931</v>
      </c>
      <c r="AO146" s="38">
        <v>5955</v>
      </c>
      <c r="AP146" s="68">
        <v>23</v>
      </c>
      <c r="AQ146" s="40">
        <v>25963</v>
      </c>
      <c r="AR146" s="38">
        <v>6123</v>
      </c>
      <c r="AS146" s="67">
        <v>23.6</v>
      </c>
      <c r="AT146" s="37">
        <v>25937</v>
      </c>
      <c r="AU146" s="38">
        <v>6279</v>
      </c>
      <c r="AV146" s="68">
        <v>24.2</v>
      </c>
      <c r="AW146" s="40">
        <v>25916</v>
      </c>
      <c r="AX146" s="38">
        <v>6382</v>
      </c>
      <c r="AY146" s="41">
        <v>24.6</v>
      </c>
      <c r="AZ146" s="37">
        <v>25858</v>
      </c>
      <c r="BA146" s="38">
        <v>6463</v>
      </c>
      <c r="BB146" s="68">
        <v>25</v>
      </c>
      <c r="BC146" s="40">
        <v>25712</v>
      </c>
      <c r="BD146" s="38">
        <v>6567</v>
      </c>
      <c r="BE146" s="41">
        <v>25.5</v>
      </c>
      <c r="BF146" s="37">
        <v>25559</v>
      </c>
      <c r="BG146" s="38">
        <v>25624</v>
      </c>
      <c r="BH146" s="38">
        <v>6785</v>
      </c>
      <c r="BI146" s="38">
        <v>6788</v>
      </c>
      <c r="BJ146" s="69">
        <v>26.5</v>
      </c>
      <c r="BK146" s="39">
        <v>26.5</v>
      </c>
      <c r="BL146" s="40">
        <v>25429</v>
      </c>
      <c r="BM146" s="38">
        <v>25497</v>
      </c>
      <c r="BN146" s="38">
        <v>6909</v>
      </c>
      <c r="BO146" s="38">
        <v>6912</v>
      </c>
      <c r="BP146" s="47">
        <v>27.2</v>
      </c>
      <c r="BQ146" s="67">
        <v>27.1</v>
      </c>
      <c r="BR146" s="37">
        <v>25266</v>
      </c>
      <c r="BS146" s="38">
        <v>25339</v>
      </c>
      <c r="BT146" s="38">
        <v>7168</v>
      </c>
      <c r="BU146" s="38">
        <v>7172</v>
      </c>
      <c r="BV146" s="47">
        <v>28.4</v>
      </c>
      <c r="BW146" s="39">
        <v>28.3</v>
      </c>
      <c r="BX146" s="40">
        <v>25112</v>
      </c>
      <c r="BY146" s="38">
        <v>25198</v>
      </c>
      <c r="BZ146" s="38">
        <v>7394</v>
      </c>
      <c r="CA146" s="38">
        <v>7399</v>
      </c>
      <c r="CB146" s="47">
        <v>29.4</v>
      </c>
      <c r="CC146" s="41">
        <v>29.4</v>
      </c>
      <c r="CD146" s="95">
        <v>24876</v>
      </c>
      <c r="CE146" s="38">
        <v>25007</v>
      </c>
      <c r="CF146" s="74">
        <v>7516</v>
      </c>
      <c r="CG146" s="38">
        <v>7521</v>
      </c>
      <c r="CH146" s="47">
        <v>30.2</v>
      </c>
      <c r="CI146" s="41">
        <v>30.1</v>
      </c>
      <c r="CJ146" s="37">
        <v>24674</v>
      </c>
      <c r="CK146" s="38">
        <v>24823</v>
      </c>
      <c r="CL146" s="38">
        <v>7672</v>
      </c>
      <c r="CM146" s="38">
        <v>7676</v>
      </c>
      <c r="CN146" s="47">
        <v>31.1</v>
      </c>
      <c r="CO146" s="39">
        <v>30.9</v>
      </c>
      <c r="CP146" s="37">
        <v>24476</v>
      </c>
      <c r="CQ146" s="38">
        <v>24662</v>
      </c>
      <c r="CR146" s="38">
        <v>7799</v>
      </c>
      <c r="CS146" s="38">
        <v>7804</v>
      </c>
      <c r="CT146" s="47">
        <v>31.9</v>
      </c>
      <c r="CU146" s="49">
        <v>31.6</v>
      </c>
      <c r="CV146" s="37">
        <v>24222</v>
      </c>
      <c r="CW146" s="38">
        <v>24443</v>
      </c>
      <c r="CX146" s="38">
        <v>7858</v>
      </c>
      <c r="CY146" s="38">
        <v>7864</v>
      </c>
      <c r="CZ146" s="47">
        <f t="shared" si="12"/>
        <v>32.4</v>
      </c>
      <c r="DA146" s="49">
        <f t="shared" si="13"/>
        <v>32.200000000000003</v>
      </c>
      <c r="DB146" s="37">
        <v>23975</v>
      </c>
      <c r="DC146" s="38">
        <v>24261</v>
      </c>
      <c r="DD146" s="38">
        <v>7980</v>
      </c>
      <c r="DE146" s="38">
        <v>7986</v>
      </c>
      <c r="DF146" s="47">
        <v>33.299999999999997</v>
      </c>
      <c r="DG146" s="49">
        <v>32.9</v>
      </c>
      <c r="DH146" s="37">
        <v>23648</v>
      </c>
      <c r="DI146" s="38">
        <v>23861</v>
      </c>
      <c r="DJ146" s="38">
        <v>8028</v>
      </c>
      <c r="DK146" s="38">
        <v>8032</v>
      </c>
      <c r="DL146" s="21">
        <f t="shared" si="14"/>
        <v>33.947902571041951</v>
      </c>
      <c r="DM146" s="49">
        <f t="shared" si="15"/>
        <v>33.661623569842</v>
      </c>
      <c r="DN146" s="37">
        <v>23323</v>
      </c>
      <c r="DO146" s="38">
        <v>23538</v>
      </c>
      <c r="DP146" s="38">
        <v>8027</v>
      </c>
      <c r="DQ146" s="38">
        <v>8031</v>
      </c>
      <c r="DR146" s="21">
        <f t="shared" si="16"/>
        <v>34.416670239677572</v>
      </c>
      <c r="DS146" s="49">
        <f t="shared" si="17"/>
        <v>34.119296456793272</v>
      </c>
    </row>
    <row r="147" spans="1:123" x14ac:dyDescent="0.2">
      <c r="A147" s="175" t="s">
        <v>59</v>
      </c>
      <c r="B147" s="176"/>
      <c r="C147" s="121" t="s">
        <v>61</v>
      </c>
      <c r="D147" s="53">
        <v>19263</v>
      </c>
      <c r="E147" s="51">
        <v>2769</v>
      </c>
      <c r="F147" s="52">
        <v>14.4</v>
      </c>
      <c r="G147" s="53">
        <v>19853</v>
      </c>
      <c r="H147" s="51">
        <v>2909</v>
      </c>
      <c r="I147" s="54">
        <v>14.7</v>
      </c>
      <c r="J147" s="50">
        <v>20116</v>
      </c>
      <c r="K147" s="51">
        <v>3045</v>
      </c>
      <c r="L147" s="52">
        <v>15.1</v>
      </c>
      <c r="M147" s="53">
        <v>20420</v>
      </c>
      <c r="N147" s="51">
        <v>3209</v>
      </c>
      <c r="O147" s="54">
        <v>15.7</v>
      </c>
      <c r="P147" s="50">
        <v>20680</v>
      </c>
      <c r="Q147" s="51">
        <v>3330</v>
      </c>
      <c r="R147" s="52">
        <v>16.100000000000001</v>
      </c>
      <c r="S147" s="53">
        <v>20607</v>
      </c>
      <c r="T147" s="51">
        <v>3404</v>
      </c>
      <c r="U147" s="58">
        <v>16.5</v>
      </c>
      <c r="V147" s="50">
        <v>20543</v>
      </c>
      <c r="W147" s="51">
        <v>3571</v>
      </c>
      <c r="X147" s="55">
        <v>17.399999999999999</v>
      </c>
      <c r="Y147" s="53">
        <v>20431</v>
      </c>
      <c r="Z147" s="51">
        <v>3663</v>
      </c>
      <c r="AA147" s="58">
        <v>17.899999999999999</v>
      </c>
      <c r="AB147" s="50">
        <v>20331</v>
      </c>
      <c r="AC147" s="51">
        <v>3802</v>
      </c>
      <c r="AD147" s="55">
        <v>18.7</v>
      </c>
      <c r="AE147" s="53">
        <v>20171</v>
      </c>
      <c r="AF147" s="51">
        <v>3908</v>
      </c>
      <c r="AG147" s="58">
        <v>19.399999999999999</v>
      </c>
      <c r="AH147" s="50">
        <v>19907</v>
      </c>
      <c r="AI147" s="51">
        <v>3986</v>
      </c>
      <c r="AJ147" s="55">
        <v>20</v>
      </c>
      <c r="AK147" s="53">
        <v>19749</v>
      </c>
      <c r="AL147" s="51">
        <v>4081</v>
      </c>
      <c r="AM147" s="58">
        <v>20.7</v>
      </c>
      <c r="AN147" s="50">
        <v>19580</v>
      </c>
      <c r="AO147" s="51">
        <v>4217</v>
      </c>
      <c r="AP147" s="55">
        <v>21.5</v>
      </c>
      <c r="AQ147" s="53">
        <v>19231</v>
      </c>
      <c r="AR147" s="51">
        <v>4310</v>
      </c>
      <c r="AS147" s="58">
        <v>22.4</v>
      </c>
      <c r="AT147" s="50">
        <v>18958</v>
      </c>
      <c r="AU147" s="51">
        <v>4428</v>
      </c>
      <c r="AV147" s="55">
        <v>23.4</v>
      </c>
      <c r="AW147" s="53">
        <v>18774</v>
      </c>
      <c r="AX147" s="51">
        <v>4514</v>
      </c>
      <c r="AY147" s="54">
        <v>24</v>
      </c>
      <c r="AZ147" s="50">
        <v>18497</v>
      </c>
      <c r="BA147" s="51">
        <v>4573</v>
      </c>
      <c r="BB147" s="55">
        <v>24.7</v>
      </c>
      <c r="BC147" s="53">
        <v>18224</v>
      </c>
      <c r="BD147" s="51">
        <v>4684</v>
      </c>
      <c r="BE147" s="54">
        <v>25.7</v>
      </c>
      <c r="BF147" s="50">
        <v>17802</v>
      </c>
      <c r="BG147" s="51">
        <v>17835</v>
      </c>
      <c r="BH147" s="51">
        <v>4774</v>
      </c>
      <c r="BI147" s="51">
        <v>4774</v>
      </c>
      <c r="BJ147" s="56">
        <v>26.8</v>
      </c>
      <c r="BK147" s="52">
        <v>26.8</v>
      </c>
      <c r="BL147" s="53">
        <v>17573</v>
      </c>
      <c r="BM147" s="51">
        <v>17606</v>
      </c>
      <c r="BN147" s="51">
        <v>4838</v>
      </c>
      <c r="BO147" s="51">
        <v>4838</v>
      </c>
      <c r="BP147" s="57">
        <v>27.5</v>
      </c>
      <c r="BQ147" s="58">
        <v>27.5</v>
      </c>
      <c r="BR147" s="50">
        <v>17212</v>
      </c>
      <c r="BS147" s="51">
        <v>17251</v>
      </c>
      <c r="BT147" s="51">
        <v>5023</v>
      </c>
      <c r="BU147" s="51">
        <v>5023</v>
      </c>
      <c r="BV147" s="57">
        <v>29.2</v>
      </c>
      <c r="BW147" s="52">
        <v>29.1</v>
      </c>
      <c r="BX147" s="59">
        <v>16889</v>
      </c>
      <c r="BY147" s="51">
        <v>16932</v>
      </c>
      <c r="BZ147" s="72">
        <v>5190</v>
      </c>
      <c r="CA147" s="51">
        <v>5190</v>
      </c>
      <c r="CB147" s="57">
        <v>30.7</v>
      </c>
      <c r="CC147" s="54">
        <v>30.7</v>
      </c>
      <c r="CD147" s="93">
        <v>16538</v>
      </c>
      <c r="CE147" s="51">
        <v>16602</v>
      </c>
      <c r="CF147" s="72">
        <v>5298</v>
      </c>
      <c r="CG147" s="51">
        <v>5302</v>
      </c>
      <c r="CH147" s="57">
        <v>32</v>
      </c>
      <c r="CI147" s="54">
        <v>31.9</v>
      </c>
      <c r="CJ147" s="50">
        <v>16281</v>
      </c>
      <c r="CK147" s="51">
        <v>16365</v>
      </c>
      <c r="CL147" s="51">
        <v>5405</v>
      </c>
      <c r="CM147" s="51">
        <v>5409</v>
      </c>
      <c r="CN147" s="57">
        <v>33.200000000000003</v>
      </c>
      <c r="CO147" s="52">
        <v>33.1</v>
      </c>
      <c r="CP147" s="50">
        <v>15963</v>
      </c>
      <c r="CQ147" s="51">
        <v>16061</v>
      </c>
      <c r="CR147" s="51">
        <v>5444</v>
      </c>
      <c r="CS147" s="51">
        <v>5449</v>
      </c>
      <c r="CT147" s="57">
        <v>34.1</v>
      </c>
      <c r="CU147" s="61">
        <v>33.9</v>
      </c>
      <c r="CV147" s="50">
        <v>15707</v>
      </c>
      <c r="CW147" s="51">
        <v>15840</v>
      </c>
      <c r="CX147" s="51">
        <v>5511</v>
      </c>
      <c r="CY147" s="51">
        <v>5516</v>
      </c>
      <c r="CZ147" s="21">
        <f t="shared" si="12"/>
        <v>35.1</v>
      </c>
      <c r="DA147" s="23">
        <f t="shared" si="13"/>
        <v>34.799999999999997</v>
      </c>
      <c r="DB147" s="50">
        <v>15482</v>
      </c>
      <c r="DC147" s="51">
        <v>15618</v>
      </c>
      <c r="DD147" s="51">
        <v>5584</v>
      </c>
      <c r="DE147" s="51">
        <v>5589</v>
      </c>
      <c r="DF147" s="21">
        <v>36.1</v>
      </c>
      <c r="DG147" s="23">
        <v>35.799999999999997</v>
      </c>
      <c r="DH147" s="50">
        <v>15315</v>
      </c>
      <c r="DI147" s="51">
        <v>15445</v>
      </c>
      <c r="DJ147" s="51">
        <v>5615</v>
      </c>
      <c r="DK147" s="51">
        <v>5619</v>
      </c>
      <c r="DL147" s="57">
        <f t="shared" si="14"/>
        <v>36.663401893568398</v>
      </c>
      <c r="DM147" s="23">
        <f t="shared" si="15"/>
        <v>36.380705730009709</v>
      </c>
      <c r="DN147" s="50">
        <v>15167</v>
      </c>
      <c r="DO147" s="51">
        <v>15329</v>
      </c>
      <c r="DP147" s="51">
        <v>5600</v>
      </c>
      <c r="DQ147" s="51">
        <v>5607</v>
      </c>
      <c r="DR147" s="57">
        <f t="shared" si="16"/>
        <v>36.922265444715499</v>
      </c>
      <c r="DS147" s="23">
        <f t="shared" si="17"/>
        <v>36.577728488485874</v>
      </c>
    </row>
    <row r="148" spans="1:123" x14ac:dyDescent="0.2">
      <c r="A148" s="175"/>
      <c r="B148" s="176"/>
      <c r="C148" s="123" t="s">
        <v>62</v>
      </c>
      <c r="D148" s="27">
        <v>9608</v>
      </c>
      <c r="E148" s="25">
        <v>1213</v>
      </c>
      <c r="F148" s="26">
        <v>12.6</v>
      </c>
      <c r="G148" s="27">
        <v>9895</v>
      </c>
      <c r="H148" s="25">
        <v>1286</v>
      </c>
      <c r="I148" s="28">
        <v>13</v>
      </c>
      <c r="J148" s="24">
        <v>10011</v>
      </c>
      <c r="K148" s="25">
        <v>1341</v>
      </c>
      <c r="L148" s="26">
        <v>13.4</v>
      </c>
      <c r="M148" s="27">
        <v>10114</v>
      </c>
      <c r="N148" s="25">
        <v>1418</v>
      </c>
      <c r="O148" s="28">
        <v>14</v>
      </c>
      <c r="P148" s="24">
        <v>10221</v>
      </c>
      <c r="Q148" s="25">
        <v>1474</v>
      </c>
      <c r="R148" s="26">
        <v>14.4</v>
      </c>
      <c r="S148" s="27">
        <v>10160</v>
      </c>
      <c r="T148" s="25">
        <v>1510</v>
      </c>
      <c r="U148" s="62">
        <v>14.9</v>
      </c>
      <c r="V148" s="24">
        <v>10104</v>
      </c>
      <c r="W148" s="25">
        <v>1589</v>
      </c>
      <c r="X148" s="63">
        <v>15.7</v>
      </c>
      <c r="Y148" s="27">
        <v>10046</v>
      </c>
      <c r="Z148" s="25">
        <v>1635</v>
      </c>
      <c r="AA148" s="62">
        <v>16.3</v>
      </c>
      <c r="AB148" s="24">
        <v>9981</v>
      </c>
      <c r="AC148" s="25">
        <v>1681</v>
      </c>
      <c r="AD148" s="63">
        <v>16.8</v>
      </c>
      <c r="AE148" s="27">
        <v>9882</v>
      </c>
      <c r="AF148" s="25">
        <v>1739</v>
      </c>
      <c r="AG148" s="62">
        <v>17.600000000000001</v>
      </c>
      <c r="AH148" s="24">
        <v>9733</v>
      </c>
      <c r="AI148" s="25">
        <v>1766</v>
      </c>
      <c r="AJ148" s="63">
        <v>18.100000000000001</v>
      </c>
      <c r="AK148" s="27">
        <v>9669</v>
      </c>
      <c r="AL148" s="25">
        <v>1789</v>
      </c>
      <c r="AM148" s="62">
        <v>18.5</v>
      </c>
      <c r="AN148" s="24">
        <v>9554</v>
      </c>
      <c r="AO148" s="25">
        <v>1837</v>
      </c>
      <c r="AP148" s="63">
        <v>19.2</v>
      </c>
      <c r="AQ148" s="27">
        <v>9388</v>
      </c>
      <c r="AR148" s="25">
        <v>1863</v>
      </c>
      <c r="AS148" s="62">
        <v>19.8</v>
      </c>
      <c r="AT148" s="24">
        <v>9266</v>
      </c>
      <c r="AU148" s="25">
        <v>1912</v>
      </c>
      <c r="AV148" s="63">
        <v>20.6</v>
      </c>
      <c r="AW148" s="27">
        <v>9150</v>
      </c>
      <c r="AX148" s="25">
        <v>1948</v>
      </c>
      <c r="AY148" s="28">
        <v>21.3</v>
      </c>
      <c r="AZ148" s="24">
        <v>8981</v>
      </c>
      <c r="BA148" s="25">
        <v>1968</v>
      </c>
      <c r="BB148" s="63">
        <v>21.9</v>
      </c>
      <c r="BC148" s="27">
        <v>8851</v>
      </c>
      <c r="BD148" s="25">
        <v>2014</v>
      </c>
      <c r="BE148" s="28">
        <v>22.8</v>
      </c>
      <c r="BF148" s="24">
        <v>8642</v>
      </c>
      <c r="BG148" s="25">
        <v>8654</v>
      </c>
      <c r="BH148" s="25">
        <v>2054</v>
      </c>
      <c r="BI148" s="25">
        <v>2054</v>
      </c>
      <c r="BJ148" s="64">
        <v>23.8</v>
      </c>
      <c r="BK148" s="26">
        <v>23.7</v>
      </c>
      <c r="BL148" s="27">
        <v>8529</v>
      </c>
      <c r="BM148" s="25">
        <v>8541</v>
      </c>
      <c r="BN148" s="25">
        <v>2072</v>
      </c>
      <c r="BO148" s="25">
        <v>2072</v>
      </c>
      <c r="BP148" s="34">
        <v>24.3</v>
      </c>
      <c r="BQ148" s="62">
        <v>24.3</v>
      </c>
      <c r="BR148" s="24">
        <v>8331</v>
      </c>
      <c r="BS148" s="25">
        <v>8346</v>
      </c>
      <c r="BT148" s="25">
        <v>2162</v>
      </c>
      <c r="BU148" s="25">
        <v>2162</v>
      </c>
      <c r="BV148" s="34">
        <v>26</v>
      </c>
      <c r="BW148" s="26">
        <v>25.9</v>
      </c>
      <c r="BX148" s="65">
        <v>8184</v>
      </c>
      <c r="BY148" s="25">
        <v>8201</v>
      </c>
      <c r="BZ148" s="73">
        <v>2240</v>
      </c>
      <c r="CA148" s="25">
        <v>2240</v>
      </c>
      <c r="CB148" s="34">
        <v>27.4</v>
      </c>
      <c r="CC148" s="28">
        <v>27.3</v>
      </c>
      <c r="CD148" s="94">
        <v>8024</v>
      </c>
      <c r="CE148" s="25">
        <v>8051</v>
      </c>
      <c r="CF148" s="73">
        <v>2300</v>
      </c>
      <c r="CG148" s="25">
        <v>2301</v>
      </c>
      <c r="CH148" s="34">
        <v>28.7</v>
      </c>
      <c r="CI148" s="28">
        <v>28.6</v>
      </c>
      <c r="CJ148" s="24">
        <v>7926</v>
      </c>
      <c r="CK148" s="25">
        <v>7969</v>
      </c>
      <c r="CL148" s="25">
        <v>2379</v>
      </c>
      <c r="CM148" s="25">
        <v>2380</v>
      </c>
      <c r="CN148" s="34">
        <v>30</v>
      </c>
      <c r="CO148" s="26">
        <v>29.9</v>
      </c>
      <c r="CP148" s="24">
        <v>7758</v>
      </c>
      <c r="CQ148" s="25">
        <v>7808</v>
      </c>
      <c r="CR148" s="25">
        <v>2400</v>
      </c>
      <c r="CS148" s="25">
        <v>2402</v>
      </c>
      <c r="CT148" s="34">
        <v>30.9</v>
      </c>
      <c r="CU148" s="36">
        <v>30.8</v>
      </c>
      <c r="CV148" s="24">
        <v>7648</v>
      </c>
      <c r="CW148" s="25">
        <v>7718</v>
      </c>
      <c r="CX148" s="25">
        <v>2444</v>
      </c>
      <c r="CY148" s="25">
        <v>2446</v>
      </c>
      <c r="CZ148" s="34">
        <f t="shared" si="12"/>
        <v>32</v>
      </c>
      <c r="DA148" s="36">
        <f t="shared" si="13"/>
        <v>31.7</v>
      </c>
      <c r="DB148" s="24">
        <v>7549</v>
      </c>
      <c r="DC148" s="25">
        <v>7622</v>
      </c>
      <c r="DD148" s="25">
        <v>2492</v>
      </c>
      <c r="DE148" s="25">
        <v>2494</v>
      </c>
      <c r="DF148" s="34">
        <v>33</v>
      </c>
      <c r="DG148" s="36">
        <v>32.700000000000003</v>
      </c>
      <c r="DH148" s="24">
        <v>7442</v>
      </c>
      <c r="DI148" s="25">
        <v>7506</v>
      </c>
      <c r="DJ148" s="25">
        <v>2526</v>
      </c>
      <c r="DK148" s="25">
        <v>2528</v>
      </c>
      <c r="DL148" s="34">
        <f t="shared" si="14"/>
        <v>33.942488578339159</v>
      </c>
      <c r="DM148" s="36">
        <f t="shared" si="15"/>
        <v>33.679722888355982</v>
      </c>
      <c r="DN148" s="24">
        <v>7398</v>
      </c>
      <c r="DO148" s="25">
        <v>7484</v>
      </c>
      <c r="DP148" s="25">
        <v>2512</v>
      </c>
      <c r="DQ148" s="25">
        <v>2516</v>
      </c>
      <c r="DR148" s="34">
        <f t="shared" si="16"/>
        <v>33.955123006217896</v>
      </c>
      <c r="DS148" s="36">
        <f t="shared" si="17"/>
        <v>33.618385889898448</v>
      </c>
    </row>
    <row r="149" spans="1:123" x14ac:dyDescent="0.2">
      <c r="A149" s="175"/>
      <c r="B149" s="176"/>
      <c r="C149" s="122" t="s">
        <v>63</v>
      </c>
      <c r="D149" s="40">
        <v>9655</v>
      </c>
      <c r="E149" s="38">
        <v>1556</v>
      </c>
      <c r="F149" s="39">
        <v>16.100000000000001</v>
      </c>
      <c r="G149" s="40">
        <v>9958</v>
      </c>
      <c r="H149" s="38">
        <v>1623</v>
      </c>
      <c r="I149" s="41">
        <v>16.3</v>
      </c>
      <c r="J149" s="37">
        <v>10105</v>
      </c>
      <c r="K149" s="38">
        <v>1704</v>
      </c>
      <c r="L149" s="39">
        <v>16.899999999999999</v>
      </c>
      <c r="M149" s="40">
        <v>10306</v>
      </c>
      <c r="N149" s="38">
        <v>1791</v>
      </c>
      <c r="O149" s="41">
        <v>17.399999999999999</v>
      </c>
      <c r="P149" s="37">
        <v>10459</v>
      </c>
      <c r="Q149" s="38">
        <v>1856</v>
      </c>
      <c r="R149" s="39">
        <v>17.7</v>
      </c>
      <c r="S149" s="40">
        <v>10447</v>
      </c>
      <c r="T149" s="38">
        <v>1894</v>
      </c>
      <c r="U149" s="67">
        <v>18.100000000000001</v>
      </c>
      <c r="V149" s="37">
        <v>10439</v>
      </c>
      <c r="W149" s="38">
        <v>1982</v>
      </c>
      <c r="X149" s="68">
        <v>19</v>
      </c>
      <c r="Y149" s="40">
        <v>10385</v>
      </c>
      <c r="Z149" s="38">
        <v>2028</v>
      </c>
      <c r="AA149" s="67">
        <v>19.5</v>
      </c>
      <c r="AB149" s="37">
        <v>10350</v>
      </c>
      <c r="AC149" s="38">
        <v>2121</v>
      </c>
      <c r="AD149" s="68">
        <v>20.5</v>
      </c>
      <c r="AE149" s="40">
        <v>10289</v>
      </c>
      <c r="AF149" s="38">
        <v>2169</v>
      </c>
      <c r="AG149" s="67">
        <v>21.1</v>
      </c>
      <c r="AH149" s="37">
        <v>10174</v>
      </c>
      <c r="AI149" s="38">
        <v>2220</v>
      </c>
      <c r="AJ149" s="68">
        <v>21.8</v>
      </c>
      <c r="AK149" s="40">
        <v>10080</v>
      </c>
      <c r="AL149" s="38">
        <v>2292</v>
      </c>
      <c r="AM149" s="67">
        <v>22.7</v>
      </c>
      <c r="AN149" s="37">
        <v>10026</v>
      </c>
      <c r="AO149" s="38">
        <v>2380</v>
      </c>
      <c r="AP149" s="68">
        <v>23.7</v>
      </c>
      <c r="AQ149" s="40">
        <v>9843</v>
      </c>
      <c r="AR149" s="38">
        <v>2447</v>
      </c>
      <c r="AS149" s="67">
        <v>24.9</v>
      </c>
      <c r="AT149" s="37">
        <v>9692</v>
      </c>
      <c r="AU149" s="38">
        <v>2516</v>
      </c>
      <c r="AV149" s="68">
        <v>26</v>
      </c>
      <c r="AW149" s="40">
        <v>9624</v>
      </c>
      <c r="AX149" s="38">
        <v>2566</v>
      </c>
      <c r="AY149" s="41">
        <v>26.7</v>
      </c>
      <c r="AZ149" s="37">
        <v>9516</v>
      </c>
      <c r="BA149" s="38">
        <v>2605</v>
      </c>
      <c r="BB149" s="68">
        <v>27.4</v>
      </c>
      <c r="BC149" s="40">
        <v>9373</v>
      </c>
      <c r="BD149" s="38">
        <v>2670</v>
      </c>
      <c r="BE149" s="41">
        <v>28.5</v>
      </c>
      <c r="BF149" s="37">
        <v>9160</v>
      </c>
      <c r="BG149" s="38">
        <v>9181</v>
      </c>
      <c r="BH149" s="38">
        <v>2720</v>
      </c>
      <c r="BI149" s="38">
        <v>2720</v>
      </c>
      <c r="BJ149" s="69">
        <v>29.7</v>
      </c>
      <c r="BK149" s="39">
        <v>29.6</v>
      </c>
      <c r="BL149" s="40">
        <v>9044</v>
      </c>
      <c r="BM149" s="38">
        <v>9065</v>
      </c>
      <c r="BN149" s="38">
        <v>2766</v>
      </c>
      <c r="BO149" s="38">
        <v>2766</v>
      </c>
      <c r="BP149" s="47">
        <v>30.6</v>
      </c>
      <c r="BQ149" s="67">
        <v>30.5</v>
      </c>
      <c r="BR149" s="37">
        <v>8881</v>
      </c>
      <c r="BS149" s="38">
        <v>8905</v>
      </c>
      <c r="BT149" s="38">
        <v>2861</v>
      </c>
      <c r="BU149" s="38">
        <v>2861</v>
      </c>
      <c r="BV149" s="47">
        <v>32.200000000000003</v>
      </c>
      <c r="BW149" s="39">
        <v>32.1</v>
      </c>
      <c r="BX149" s="70">
        <v>8705</v>
      </c>
      <c r="BY149" s="38">
        <v>8731</v>
      </c>
      <c r="BZ149" s="74">
        <v>2950</v>
      </c>
      <c r="CA149" s="38">
        <v>2950</v>
      </c>
      <c r="CB149" s="47">
        <v>33.9</v>
      </c>
      <c r="CC149" s="41">
        <v>33.799999999999997</v>
      </c>
      <c r="CD149" s="95">
        <v>8514</v>
      </c>
      <c r="CE149" s="38">
        <v>8551</v>
      </c>
      <c r="CF149" s="74">
        <v>2998</v>
      </c>
      <c r="CG149" s="38">
        <v>3001</v>
      </c>
      <c r="CH149" s="47">
        <v>35.200000000000003</v>
      </c>
      <c r="CI149" s="41">
        <v>35.1</v>
      </c>
      <c r="CJ149" s="37">
        <v>8355</v>
      </c>
      <c r="CK149" s="38">
        <v>8396</v>
      </c>
      <c r="CL149" s="38">
        <v>3026</v>
      </c>
      <c r="CM149" s="38">
        <v>3029</v>
      </c>
      <c r="CN149" s="47">
        <v>36.200000000000003</v>
      </c>
      <c r="CO149" s="39">
        <v>36.1</v>
      </c>
      <c r="CP149" s="37">
        <v>8205</v>
      </c>
      <c r="CQ149" s="38">
        <v>8253</v>
      </c>
      <c r="CR149" s="38">
        <v>3044</v>
      </c>
      <c r="CS149" s="38">
        <v>3047</v>
      </c>
      <c r="CT149" s="47">
        <v>37.1</v>
      </c>
      <c r="CU149" s="49">
        <v>36.9</v>
      </c>
      <c r="CV149" s="37">
        <v>8059</v>
      </c>
      <c r="CW149" s="38">
        <v>8122</v>
      </c>
      <c r="CX149" s="38">
        <v>3067</v>
      </c>
      <c r="CY149" s="38">
        <v>3070</v>
      </c>
      <c r="CZ149" s="47">
        <f t="shared" si="12"/>
        <v>38.1</v>
      </c>
      <c r="DA149" s="49">
        <f t="shared" si="13"/>
        <v>37.799999999999997</v>
      </c>
      <c r="DB149" s="37">
        <v>7933</v>
      </c>
      <c r="DC149" s="38">
        <v>7996</v>
      </c>
      <c r="DD149" s="38">
        <v>3092</v>
      </c>
      <c r="DE149" s="38">
        <v>3095</v>
      </c>
      <c r="DF149" s="47">
        <v>39</v>
      </c>
      <c r="DG149" s="49">
        <v>38.700000000000003</v>
      </c>
      <c r="DH149" s="37">
        <v>7873</v>
      </c>
      <c r="DI149" s="38">
        <v>7939</v>
      </c>
      <c r="DJ149" s="38">
        <v>3089</v>
      </c>
      <c r="DK149" s="38">
        <v>3091</v>
      </c>
      <c r="DL149" s="21">
        <f t="shared" si="14"/>
        <v>39.235361361615652</v>
      </c>
      <c r="DM149" s="49">
        <f t="shared" si="15"/>
        <v>38.934374606373602</v>
      </c>
      <c r="DN149" s="37">
        <v>7769</v>
      </c>
      <c r="DO149" s="38">
        <v>7845</v>
      </c>
      <c r="DP149" s="38">
        <v>3088</v>
      </c>
      <c r="DQ149" s="38">
        <v>3091</v>
      </c>
      <c r="DR149" s="21">
        <f t="shared" si="16"/>
        <v>39.747715278671642</v>
      </c>
      <c r="DS149" s="49">
        <f t="shared" si="17"/>
        <v>39.400892288081579</v>
      </c>
    </row>
    <row r="150" spans="1:123" x14ac:dyDescent="0.2">
      <c r="A150" s="175" t="s">
        <v>60</v>
      </c>
      <c r="B150" s="176"/>
      <c r="C150" s="121" t="s">
        <v>61</v>
      </c>
      <c r="D150" s="53">
        <v>3935</v>
      </c>
      <c r="E150" s="51">
        <v>768</v>
      </c>
      <c r="F150" s="52">
        <v>19.5</v>
      </c>
      <c r="G150" s="53">
        <v>4086</v>
      </c>
      <c r="H150" s="51">
        <v>806</v>
      </c>
      <c r="I150" s="54">
        <v>19.7</v>
      </c>
      <c r="J150" s="50">
        <v>4064</v>
      </c>
      <c r="K150" s="51">
        <v>824</v>
      </c>
      <c r="L150" s="52">
        <v>20.3</v>
      </c>
      <c r="M150" s="53">
        <v>4031</v>
      </c>
      <c r="N150" s="51">
        <v>856</v>
      </c>
      <c r="O150" s="54">
        <v>21.2</v>
      </c>
      <c r="P150" s="50">
        <v>4016</v>
      </c>
      <c r="Q150" s="51">
        <v>862</v>
      </c>
      <c r="R150" s="52">
        <v>21.5</v>
      </c>
      <c r="S150" s="53">
        <v>3970</v>
      </c>
      <c r="T150" s="51">
        <v>910</v>
      </c>
      <c r="U150" s="58">
        <v>22.9</v>
      </c>
      <c r="V150" s="50">
        <v>3933</v>
      </c>
      <c r="W150" s="51">
        <v>933</v>
      </c>
      <c r="X150" s="55">
        <v>23.7</v>
      </c>
      <c r="Y150" s="53">
        <v>3910</v>
      </c>
      <c r="Z150" s="51">
        <v>963</v>
      </c>
      <c r="AA150" s="58">
        <v>24.6</v>
      </c>
      <c r="AB150" s="50">
        <v>3890</v>
      </c>
      <c r="AC150" s="51">
        <v>982</v>
      </c>
      <c r="AD150" s="55">
        <v>25.2</v>
      </c>
      <c r="AE150" s="53">
        <v>3884</v>
      </c>
      <c r="AF150" s="51">
        <v>1011</v>
      </c>
      <c r="AG150" s="58">
        <v>26</v>
      </c>
      <c r="AH150" s="50">
        <v>3864</v>
      </c>
      <c r="AI150" s="51">
        <v>1029</v>
      </c>
      <c r="AJ150" s="55">
        <v>26.6</v>
      </c>
      <c r="AK150" s="53">
        <v>3811</v>
      </c>
      <c r="AL150" s="51">
        <v>1042</v>
      </c>
      <c r="AM150" s="58">
        <v>27.3</v>
      </c>
      <c r="AN150" s="50">
        <v>3788</v>
      </c>
      <c r="AO150" s="51">
        <v>1061</v>
      </c>
      <c r="AP150" s="55">
        <v>28</v>
      </c>
      <c r="AQ150" s="53">
        <v>3736</v>
      </c>
      <c r="AR150" s="51">
        <v>1076</v>
      </c>
      <c r="AS150" s="58">
        <v>28.8</v>
      </c>
      <c r="AT150" s="50">
        <v>3681</v>
      </c>
      <c r="AU150" s="51">
        <v>1079</v>
      </c>
      <c r="AV150" s="55">
        <v>29.3</v>
      </c>
      <c r="AW150" s="53">
        <v>3630</v>
      </c>
      <c r="AX150" s="51">
        <v>1078</v>
      </c>
      <c r="AY150" s="54">
        <v>29.7</v>
      </c>
      <c r="AZ150" s="50">
        <v>3554</v>
      </c>
      <c r="BA150" s="51">
        <v>1087</v>
      </c>
      <c r="BB150" s="55">
        <v>30.6</v>
      </c>
      <c r="BC150" s="53">
        <v>3480</v>
      </c>
      <c r="BD150" s="51">
        <v>1085</v>
      </c>
      <c r="BE150" s="54">
        <v>31.2</v>
      </c>
      <c r="BF150" s="50">
        <v>3417</v>
      </c>
      <c r="BG150" s="51">
        <v>3424</v>
      </c>
      <c r="BH150" s="51">
        <v>1117</v>
      </c>
      <c r="BI150" s="51">
        <v>1117</v>
      </c>
      <c r="BJ150" s="56">
        <v>32.700000000000003</v>
      </c>
      <c r="BK150" s="52">
        <v>32.6</v>
      </c>
      <c r="BL150" s="53">
        <v>3368</v>
      </c>
      <c r="BM150" s="51">
        <v>3377</v>
      </c>
      <c r="BN150" s="51">
        <v>1114</v>
      </c>
      <c r="BO150" s="51">
        <v>1114</v>
      </c>
      <c r="BP150" s="57">
        <v>33.1</v>
      </c>
      <c r="BQ150" s="58">
        <v>33</v>
      </c>
      <c r="BR150" s="50">
        <v>3328</v>
      </c>
      <c r="BS150" s="51">
        <v>3333</v>
      </c>
      <c r="BT150" s="51">
        <v>1115</v>
      </c>
      <c r="BU150" s="51">
        <v>1115</v>
      </c>
      <c r="BV150" s="57">
        <v>33.5</v>
      </c>
      <c r="BW150" s="52">
        <v>33.5</v>
      </c>
      <c r="BX150" s="59">
        <v>3285</v>
      </c>
      <c r="BY150" s="51">
        <v>3287</v>
      </c>
      <c r="BZ150" s="72">
        <v>1117</v>
      </c>
      <c r="CA150" s="51">
        <v>1117</v>
      </c>
      <c r="CB150" s="57">
        <v>34</v>
      </c>
      <c r="CC150" s="54">
        <v>34</v>
      </c>
      <c r="CD150" s="50">
        <v>3218</v>
      </c>
      <c r="CE150" s="51">
        <v>3220</v>
      </c>
      <c r="CF150" s="51">
        <v>1123</v>
      </c>
      <c r="CG150" s="51">
        <v>1123</v>
      </c>
      <c r="CH150" s="57">
        <v>34.9</v>
      </c>
      <c r="CI150" s="54">
        <v>34.9</v>
      </c>
      <c r="CJ150" s="50">
        <v>3171</v>
      </c>
      <c r="CK150" s="51">
        <v>3173</v>
      </c>
      <c r="CL150" s="51">
        <v>1141</v>
      </c>
      <c r="CM150" s="51">
        <v>1141</v>
      </c>
      <c r="CN150" s="57">
        <v>36</v>
      </c>
      <c r="CO150" s="52">
        <v>36</v>
      </c>
      <c r="CP150" s="50">
        <v>3095</v>
      </c>
      <c r="CQ150" s="51">
        <v>3101</v>
      </c>
      <c r="CR150" s="51">
        <v>1148</v>
      </c>
      <c r="CS150" s="51">
        <v>1148</v>
      </c>
      <c r="CT150" s="57">
        <v>37.1</v>
      </c>
      <c r="CU150" s="61">
        <v>37</v>
      </c>
      <c r="CV150" s="50">
        <v>3026</v>
      </c>
      <c r="CW150" s="51">
        <v>3033</v>
      </c>
      <c r="CX150" s="51">
        <v>1153</v>
      </c>
      <c r="CY150" s="51">
        <v>1153</v>
      </c>
      <c r="CZ150" s="21">
        <f t="shared" si="12"/>
        <v>38.1</v>
      </c>
      <c r="DA150" s="23">
        <f t="shared" si="13"/>
        <v>38</v>
      </c>
      <c r="DB150" s="50">
        <v>2971</v>
      </c>
      <c r="DC150" s="51">
        <v>2979</v>
      </c>
      <c r="DD150" s="51">
        <v>1148</v>
      </c>
      <c r="DE150" s="51">
        <v>1148</v>
      </c>
      <c r="DF150" s="21">
        <v>38.6</v>
      </c>
      <c r="DG150" s="23">
        <v>38.5</v>
      </c>
      <c r="DH150" s="50">
        <v>2902</v>
      </c>
      <c r="DI150" s="51">
        <v>2913</v>
      </c>
      <c r="DJ150" s="51">
        <v>1145</v>
      </c>
      <c r="DK150" s="51">
        <v>1145</v>
      </c>
      <c r="DL150" s="57">
        <f t="shared" si="14"/>
        <v>39.455547898001377</v>
      </c>
      <c r="DM150" s="23">
        <f t="shared" si="15"/>
        <v>39.30655681428081</v>
      </c>
      <c r="DN150" s="50">
        <v>2843</v>
      </c>
      <c r="DO150" s="51">
        <v>2853</v>
      </c>
      <c r="DP150" s="51">
        <v>1132</v>
      </c>
      <c r="DQ150" s="51">
        <v>1132</v>
      </c>
      <c r="DR150" s="57">
        <f t="shared" si="16"/>
        <v>39.81709461836089</v>
      </c>
      <c r="DS150" s="23">
        <f t="shared" si="17"/>
        <v>39.677532422011922</v>
      </c>
    </row>
    <row r="151" spans="1:123" x14ac:dyDescent="0.2">
      <c r="A151" s="175"/>
      <c r="B151" s="176"/>
      <c r="C151" s="123" t="s">
        <v>62</v>
      </c>
      <c r="D151" s="27">
        <v>1918</v>
      </c>
      <c r="E151" s="25">
        <v>348</v>
      </c>
      <c r="F151" s="26">
        <v>18.100000000000001</v>
      </c>
      <c r="G151" s="27">
        <v>1993</v>
      </c>
      <c r="H151" s="25">
        <v>362</v>
      </c>
      <c r="I151" s="28">
        <v>18.2</v>
      </c>
      <c r="J151" s="24">
        <v>1975</v>
      </c>
      <c r="K151" s="25">
        <v>367</v>
      </c>
      <c r="L151" s="26">
        <v>18.600000000000001</v>
      </c>
      <c r="M151" s="27">
        <v>1955</v>
      </c>
      <c r="N151" s="25">
        <v>384</v>
      </c>
      <c r="O151" s="28">
        <v>19.600000000000001</v>
      </c>
      <c r="P151" s="24">
        <v>1948</v>
      </c>
      <c r="Q151" s="25">
        <v>382</v>
      </c>
      <c r="R151" s="26">
        <v>19.600000000000001</v>
      </c>
      <c r="S151" s="27">
        <v>1934</v>
      </c>
      <c r="T151" s="25">
        <v>407</v>
      </c>
      <c r="U151" s="62">
        <v>21</v>
      </c>
      <c r="V151" s="24">
        <v>1910</v>
      </c>
      <c r="W151" s="25">
        <v>414</v>
      </c>
      <c r="X151" s="63">
        <v>21.7</v>
      </c>
      <c r="Y151" s="27">
        <v>1891</v>
      </c>
      <c r="Z151" s="25">
        <v>419</v>
      </c>
      <c r="AA151" s="62">
        <v>22.2</v>
      </c>
      <c r="AB151" s="24">
        <v>1869</v>
      </c>
      <c r="AC151" s="25">
        <v>421</v>
      </c>
      <c r="AD151" s="63">
        <v>22.5</v>
      </c>
      <c r="AE151" s="27">
        <v>1872</v>
      </c>
      <c r="AF151" s="25">
        <v>427</v>
      </c>
      <c r="AG151" s="62">
        <v>22.8</v>
      </c>
      <c r="AH151" s="24">
        <v>1870</v>
      </c>
      <c r="AI151" s="25">
        <v>438</v>
      </c>
      <c r="AJ151" s="63">
        <v>23.4</v>
      </c>
      <c r="AK151" s="27">
        <v>1853</v>
      </c>
      <c r="AL151" s="25">
        <v>443</v>
      </c>
      <c r="AM151" s="62">
        <v>23.9</v>
      </c>
      <c r="AN151" s="24">
        <v>1846</v>
      </c>
      <c r="AO151" s="25">
        <v>443</v>
      </c>
      <c r="AP151" s="63">
        <v>24</v>
      </c>
      <c r="AQ151" s="27">
        <v>1820</v>
      </c>
      <c r="AR151" s="25">
        <v>447</v>
      </c>
      <c r="AS151" s="62">
        <v>24.6</v>
      </c>
      <c r="AT151" s="24">
        <v>1793</v>
      </c>
      <c r="AU151" s="25">
        <v>449</v>
      </c>
      <c r="AV151" s="63">
        <v>25</v>
      </c>
      <c r="AW151" s="27">
        <v>1765</v>
      </c>
      <c r="AX151" s="25">
        <v>447</v>
      </c>
      <c r="AY151" s="28">
        <v>25.3</v>
      </c>
      <c r="AZ151" s="24">
        <v>1724</v>
      </c>
      <c r="BA151" s="25">
        <v>444</v>
      </c>
      <c r="BB151" s="63">
        <v>25.8</v>
      </c>
      <c r="BC151" s="27">
        <v>1681</v>
      </c>
      <c r="BD151" s="25">
        <v>445</v>
      </c>
      <c r="BE151" s="28">
        <v>26.5</v>
      </c>
      <c r="BF151" s="24">
        <v>1645</v>
      </c>
      <c r="BG151" s="25">
        <v>1648</v>
      </c>
      <c r="BH151" s="25">
        <v>464</v>
      </c>
      <c r="BI151" s="25">
        <v>464</v>
      </c>
      <c r="BJ151" s="64">
        <v>28.2</v>
      </c>
      <c r="BK151" s="26">
        <v>28.2</v>
      </c>
      <c r="BL151" s="27">
        <v>1617</v>
      </c>
      <c r="BM151" s="25">
        <v>1621</v>
      </c>
      <c r="BN151" s="25">
        <v>458</v>
      </c>
      <c r="BO151" s="25">
        <v>458</v>
      </c>
      <c r="BP151" s="34">
        <v>28.3</v>
      </c>
      <c r="BQ151" s="62">
        <v>28.3</v>
      </c>
      <c r="BR151" s="24">
        <v>1587</v>
      </c>
      <c r="BS151" s="25">
        <v>1590</v>
      </c>
      <c r="BT151" s="25">
        <v>449</v>
      </c>
      <c r="BU151" s="25">
        <v>449</v>
      </c>
      <c r="BV151" s="34">
        <v>28.3</v>
      </c>
      <c r="BW151" s="26">
        <v>28.2</v>
      </c>
      <c r="BX151" s="65">
        <v>1558</v>
      </c>
      <c r="BY151" s="25">
        <v>1559</v>
      </c>
      <c r="BZ151" s="73">
        <v>447</v>
      </c>
      <c r="CA151" s="25">
        <v>447</v>
      </c>
      <c r="CB151" s="34">
        <v>28.7</v>
      </c>
      <c r="CC151" s="28">
        <v>28.7</v>
      </c>
      <c r="CD151" s="24">
        <v>1539</v>
      </c>
      <c r="CE151" s="25">
        <v>1540</v>
      </c>
      <c r="CF151" s="25">
        <v>453</v>
      </c>
      <c r="CG151" s="25">
        <v>453</v>
      </c>
      <c r="CH151" s="34">
        <v>29.4</v>
      </c>
      <c r="CI151" s="28">
        <v>29.4</v>
      </c>
      <c r="CJ151" s="24">
        <v>1515</v>
      </c>
      <c r="CK151" s="25">
        <v>1516</v>
      </c>
      <c r="CL151" s="25">
        <v>460</v>
      </c>
      <c r="CM151" s="25">
        <v>460</v>
      </c>
      <c r="CN151" s="34">
        <v>30.4</v>
      </c>
      <c r="CO151" s="26">
        <v>30.3</v>
      </c>
      <c r="CP151" s="24">
        <v>1494</v>
      </c>
      <c r="CQ151" s="25">
        <v>1499</v>
      </c>
      <c r="CR151" s="25">
        <v>471</v>
      </c>
      <c r="CS151" s="25">
        <v>471</v>
      </c>
      <c r="CT151" s="34">
        <v>31.5</v>
      </c>
      <c r="CU151" s="36">
        <v>31.4</v>
      </c>
      <c r="CV151" s="24">
        <v>1460</v>
      </c>
      <c r="CW151" s="25">
        <v>1466</v>
      </c>
      <c r="CX151" s="25">
        <v>473</v>
      </c>
      <c r="CY151" s="25">
        <v>473</v>
      </c>
      <c r="CZ151" s="34">
        <f t="shared" si="12"/>
        <v>32.4</v>
      </c>
      <c r="DA151" s="36">
        <f t="shared" si="13"/>
        <v>32.299999999999997</v>
      </c>
      <c r="DB151" s="24">
        <v>1428</v>
      </c>
      <c r="DC151" s="25">
        <v>1435</v>
      </c>
      <c r="DD151" s="25">
        <v>467</v>
      </c>
      <c r="DE151" s="25">
        <v>467</v>
      </c>
      <c r="DF151" s="34">
        <v>32.700000000000003</v>
      </c>
      <c r="DG151" s="36">
        <v>32.5</v>
      </c>
      <c r="DH151" s="24">
        <v>1393</v>
      </c>
      <c r="DI151" s="25">
        <v>1403</v>
      </c>
      <c r="DJ151" s="25">
        <v>470</v>
      </c>
      <c r="DK151" s="25">
        <v>470</v>
      </c>
      <c r="DL151" s="34">
        <f t="shared" si="14"/>
        <v>33.740129217516149</v>
      </c>
      <c r="DM151" s="36">
        <f t="shared" si="15"/>
        <v>33.499643620812549</v>
      </c>
      <c r="DN151" s="24">
        <v>1361</v>
      </c>
      <c r="DO151" s="25">
        <v>1370</v>
      </c>
      <c r="DP151" s="25">
        <v>460</v>
      </c>
      <c r="DQ151" s="25">
        <v>460</v>
      </c>
      <c r="DR151" s="34">
        <f t="shared" si="16"/>
        <v>33.798677443056576</v>
      </c>
      <c r="DS151" s="36">
        <f t="shared" si="17"/>
        <v>33.576642335766422</v>
      </c>
    </row>
    <row r="152" spans="1:123" x14ac:dyDescent="0.2">
      <c r="A152" s="175"/>
      <c r="B152" s="176"/>
      <c r="C152" s="122" t="s">
        <v>63</v>
      </c>
      <c r="D152" s="40">
        <v>2017</v>
      </c>
      <c r="E152" s="38">
        <v>420</v>
      </c>
      <c r="F152" s="39">
        <v>20.8</v>
      </c>
      <c r="G152" s="40">
        <v>2093</v>
      </c>
      <c r="H152" s="38">
        <v>444</v>
      </c>
      <c r="I152" s="41">
        <v>21.2</v>
      </c>
      <c r="J152" s="37">
        <v>2089</v>
      </c>
      <c r="K152" s="38">
        <v>457</v>
      </c>
      <c r="L152" s="39">
        <v>21.9</v>
      </c>
      <c r="M152" s="40">
        <v>2076</v>
      </c>
      <c r="N152" s="38">
        <v>472</v>
      </c>
      <c r="O152" s="41">
        <v>22.7</v>
      </c>
      <c r="P152" s="37">
        <v>2068</v>
      </c>
      <c r="Q152" s="38">
        <v>480</v>
      </c>
      <c r="R152" s="39">
        <v>23.2</v>
      </c>
      <c r="S152" s="40">
        <v>2036</v>
      </c>
      <c r="T152" s="38">
        <v>503</v>
      </c>
      <c r="U152" s="67">
        <v>24.7</v>
      </c>
      <c r="V152" s="37">
        <v>2023</v>
      </c>
      <c r="W152" s="38">
        <v>519</v>
      </c>
      <c r="X152" s="68">
        <v>25.7</v>
      </c>
      <c r="Y152" s="40">
        <v>2019</v>
      </c>
      <c r="Z152" s="38">
        <v>544</v>
      </c>
      <c r="AA152" s="67">
        <v>26.9</v>
      </c>
      <c r="AB152" s="37">
        <v>2021</v>
      </c>
      <c r="AC152" s="38">
        <v>561</v>
      </c>
      <c r="AD152" s="68">
        <v>27.8</v>
      </c>
      <c r="AE152" s="40">
        <v>2012</v>
      </c>
      <c r="AF152" s="38">
        <v>584</v>
      </c>
      <c r="AG152" s="67">
        <v>29</v>
      </c>
      <c r="AH152" s="37">
        <v>1994</v>
      </c>
      <c r="AI152" s="38">
        <v>591</v>
      </c>
      <c r="AJ152" s="68">
        <v>29.6</v>
      </c>
      <c r="AK152" s="40">
        <v>1958</v>
      </c>
      <c r="AL152" s="38">
        <v>599</v>
      </c>
      <c r="AM152" s="67">
        <v>30.6</v>
      </c>
      <c r="AN152" s="37">
        <v>1942</v>
      </c>
      <c r="AO152" s="38">
        <v>618</v>
      </c>
      <c r="AP152" s="67">
        <v>31.8</v>
      </c>
      <c r="AQ152" s="37">
        <v>1916</v>
      </c>
      <c r="AR152" s="38">
        <v>629</v>
      </c>
      <c r="AS152" s="68">
        <v>32.799999999999997</v>
      </c>
      <c r="AT152" s="37">
        <v>1888</v>
      </c>
      <c r="AU152" s="38">
        <v>630</v>
      </c>
      <c r="AV152" s="68">
        <v>33.4</v>
      </c>
      <c r="AW152" s="40">
        <v>1865</v>
      </c>
      <c r="AX152" s="38">
        <v>631</v>
      </c>
      <c r="AY152" s="41">
        <v>33.799999999999997</v>
      </c>
      <c r="AZ152" s="37">
        <v>1830</v>
      </c>
      <c r="BA152" s="38">
        <v>643</v>
      </c>
      <c r="BB152" s="68">
        <v>35.1</v>
      </c>
      <c r="BC152" s="40">
        <v>1799</v>
      </c>
      <c r="BD152" s="38">
        <v>640</v>
      </c>
      <c r="BE152" s="41">
        <v>35.6</v>
      </c>
      <c r="BF152" s="37">
        <v>1772</v>
      </c>
      <c r="BG152" s="38">
        <v>1776</v>
      </c>
      <c r="BH152" s="38">
        <v>653</v>
      </c>
      <c r="BI152" s="38">
        <v>653</v>
      </c>
      <c r="BJ152" s="69">
        <v>36.9</v>
      </c>
      <c r="BK152" s="39">
        <v>36.799999999999997</v>
      </c>
      <c r="BL152" s="40">
        <v>1751</v>
      </c>
      <c r="BM152" s="38">
        <v>1756</v>
      </c>
      <c r="BN152" s="38">
        <v>656</v>
      </c>
      <c r="BO152" s="38">
        <v>656</v>
      </c>
      <c r="BP152" s="47">
        <v>37.5</v>
      </c>
      <c r="BQ152" s="67">
        <v>37.4</v>
      </c>
      <c r="BR152" s="37">
        <v>1741</v>
      </c>
      <c r="BS152" s="38">
        <v>1743</v>
      </c>
      <c r="BT152" s="38">
        <v>666</v>
      </c>
      <c r="BU152" s="38">
        <v>666</v>
      </c>
      <c r="BV152" s="47">
        <v>38.299999999999997</v>
      </c>
      <c r="BW152" s="39">
        <v>38.200000000000003</v>
      </c>
      <c r="BX152" s="70">
        <v>1727</v>
      </c>
      <c r="BY152" s="38">
        <v>1728</v>
      </c>
      <c r="BZ152" s="74">
        <v>670</v>
      </c>
      <c r="CA152" s="38">
        <v>670</v>
      </c>
      <c r="CB152" s="47">
        <v>38.799999999999997</v>
      </c>
      <c r="CC152" s="41">
        <v>38.799999999999997</v>
      </c>
      <c r="CD152" s="37">
        <v>1679</v>
      </c>
      <c r="CE152" s="38">
        <v>1680</v>
      </c>
      <c r="CF152" s="38">
        <v>670</v>
      </c>
      <c r="CG152" s="38">
        <v>670</v>
      </c>
      <c r="CH152" s="47">
        <v>39.9</v>
      </c>
      <c r="CI152" s="41">
        <v>39.9</v>
      </c>
      <c r="CJ152" s="37">
        <v>1656</v>
      </c>
      <c r="CK152" s="38">
        <v>1657</v>
      </c>
      <c r="CL152" s="38">
        <v>681</v>
      </c>
      <c r="CM152" s="38">
        <v>681</v>
      </c>
      <c r="CN152" s="47">
        <v>41.1</v>
      </c>
      <c r="CO152" s="39">
        <v>41.1</v>
      </c>
      <c r="CP152" s="37">
        <v>1601</v>
      </c>
      <c r="CQ152" s="38">
        <v>1602</v>
      </c>
      <c r="CR152" s="38">
        <v>677</v>
      </c>
      <c r="CS152" s="38">
        <v>677</v>
      </c>
      <c r="CT152" s="47">
        <v>42.3</v>
      </c>
      <c r="CU152" s="49">
        <v>42.3</v>
      </c>
      <c r="CV152" s="37">
        <v>1566</v>
      </c>
      <c r="CW152" s="38">
        <v>1567</v>
      </c>
      <c r="CX152" s="38">
        <v>680</v>
      </c>
      <c r="CY152" s="38">
        <v>680</v>
      </c>
      <c r="CZ152" s="47">
        <f t="shared" si="12"/>
        <v>43.4</v>
      </c>
      <c r="DA152" s="49">
        <f t="shared" si="13"/>
        <v>43.4</v>
      </c>
      <c r="DB152" s="37">
        <v>1543</v>
      </c>
      <c r="DC152" s="38">
        <v>1544</v>
      </c>
      <c r="DD152" s="38">
        <v>681</v>
      </c>
      <c r="DE152" s="38">
        <v>681</v>
      </c>
      <c r="DF152" s="47">
        <v>44.1</v>
      </c>
      <c r="DG152" s="49">
        <v>44.1</v>
      </c>
      <c r="DH152" s="37">
        <v>1509</v>
      </c>
      <c r="DI152" s="38">
        <v>1510</v>
      </c>
      <c r="DJ152" s="38">
        <v>675</v>
      </c>
      <c r="DK152" s="38">
        <v>675</v>
      </c>
      <c r="DL152" s="21">
        <f t="shared" si="14"/>
        <v>44.731610337972164</v>
      </c>
      <c r="DM152" s="23">
        <f t="shared" si="15"/>
        <v>44.701986754966889</v>
      </c>
      <c r="DN152" s="37">
        <v>1482</v>
      </c>
      <c r="DO152" s="38">
        <v>1483</v>
      </c>
      <c r="DP152" s="38">
        <v>672</v>
      </c>
      <c r="DQ152" s="38">
        <v>672</v>
      </c>
      <c r="DR152" s="21">
        <f t="shared" si="16"/>
        <v>45.344129554655872</v>
      </c>
      <c r="DS152" s="23">
        <f t="shared" si="17"/>
        <v>45.313553607552258</v>
      </c>
    </row>
    <row r="153" spans="1:123" x14ac:dyDescent="0.2">
      <c r="A153" s="181" t="s">
        <v>66</v>
      </c>
      <c r="B153" s="176"/>
      <c r="C153" s="121" t="s">
        <v>61</v>
      </c>
      <c r="D153" s="53">
        <v>3156</v>
      </c>
      <c r="E153" s="51">
        <v>717</v>
      </c>
      <c r="F153" s="52">
        <v>22.7</v>
      </c>
      <c r="G153" s="53">
        <v>3184</v>
      </c>
      <c r="H153" s="51">
        <v>746</v>
      </c>
      <c r="I153" s="54">
        <v>23.4</v>
      </c>
      <c r="J153" s="50">
        <v>3126</v>
      </c>
      <c r="K153" s="51">
        <v>747</v>
      </c>
      <c r="L153" s="52">
        <v>23.9</v>
      </c>
      <c r="M153" s="53">
        <v>3105</v>
      </c>
      <c r="N153" s="51">
        <v>765</v>
      </c>
      <c r="O153" s="54">
        <v>24.6</v>
      </c>
      <c r="P153" s="50">
        <v>3086</v>
      </c>
      <c r="Q153" s="51">
        <v>767</v>
      </c>
      <c r="R153" s="52">
        <v>24.9</v>
      </c>
      <c r="S153" s="53">
        <v>3005</v>
      </c>
      <c r="T153" s="51">
        <v>786</v>
      </c>
      <c r="U153" s="58">
        <v>26.2</v>
      </c>
      <c r="V153" s="50">
        <v>2992</v>
      </c>
      <c r="W153" s="51">
        <v>801</v>
      </c>
      <c r="X153" s="55">
        <v>26.8</v>
      </c>
      <c r="Y153" s="53">
        <v>2949</v>
      </c>
      <c r="Z153" s="51">
        <v>792</v>
      </c>
      <c r="AA153" s="58">
        <v>26.9</v>
      </c>
      <c r="AB153" s="50">
        <v>2888</v>
      </c>
      <c r="AC153" s="51">
        <v>792</v>
      </c>
      <c r="AD153" s="55">
        <v>27.4</v>
      </c>
      <c r="AE153" s="53">
        <v>2807</v>
      </c>
      <c r="AF153" s="51">
        <v>805</v>
      </c>
      <c r="AG153" s="58">
        <v>28.7</v>
      </c>
      <c r="AH153" s="50">
        <v>2784</v>
      </c>
      <c r="AI153" s="51">
        <v>807</v>
      </c>
      <c r="AJ153" s="55">
        <v>29</v>
      </c>
      <c r="AK153" s="96">
        <v>2698</v>
      </c>
      <c r="AL153" s="97">
        <v>807</v>
      </c>
      <c r="AM153" s="54">
        <f>AL153/AK153*100</f>
        <v>29.911045218680503</v>
      </c>
      <c r="AN153" s="98">
        <v>2653</v>
      </c>
      <c r="AO153" s="97">
        <v>816</v>
      </c>
      <c r="AP153" s="54">
        <f>AO153/AN153*100</f>
        <v>30.757632868450813</v>
      </c>
      <c r="AQ153" s="98">
        <v>2564</v>
      </c>
      <c r="AR153" s="97">
        <v>818</v>
      </c>
      <c r="AS153" s="52">
        <f>AR153/AQ153*100</f>
        <v>31.903276131045246</v>
      </c>
      <c r="AT153" s="98">
        <v>2484</v>
      </c>
      <c r="AU153" s="97">
        <v>834</v>
      </c>
      <c r="AV153" s="52">
        <f>AU153/AT153*100</f>
        <v>33.574879227053138</v>
      </c>
      <c r="AW153" s="96">
        <v>2433</v>
      </c>
      <c r="AX153" s="97">
        <v>811</v>
      </c>
      <c r="AY153" s="54">
        <f>AX153/AW153*100</f>
        <v>33.333333333333329</v>
      </c>
      <c r="AZ153" s="98">
        <v>2365</v>
      </c>
      <c r="BA153" s="97">
        <v>805</v>
      </c>
      <c r="BB153" s="52">
        <f>BA153/AZ153*100</f>
        <v>34.038054968287526</v>
      </c>
      <c r="BC153" s="96">
        <v>2301</v>
      </c>
      <c r="BD153" s="97">
        <v>804</v>
      </c>
      <c r="BE153" s="54">
        <f>BD153/BC153*100</f>
        <v>34.94132985658409</v>
      </c>
      <c r="BF153" s="98">
        <v>2215</v>
      </c>
      <c r="BG153" s="97">
        <v>2218</v>
      </c>
      <c r="BH153" s="97">
        <v>812</v>
      </c>
      <c r="BI153" s="97">
        <v>812</v>
      </c>
      <c r="BJ153" s="54">
        <f>BH153/BF153*100</f>
        <v>36.659142212189614</v>
      </c>
      <c r="BK153" s="52">
        <f>BI153/BG153*100</f>
        <v>36.60955816050496</v>
      </c>
      <c r="BL153" s="96">
        <v>2124</v>
      </c>
      <c r="BM153" s="96">
        <v>2127</v>
      </c>
      <c r="BN153" s="97">
        <v>814</v>
      </c>
      <c r="BO153" s="97">
        <v>814</v>
      </c>
      <c r="BP153" s="54">
        <f>BN153/BL153*100</f>
        <v>38.323917137476457</v>
      </c>
      <c r="BQ153" s="54">
        <f>BO153/BM153*100</f>
        <v>38.2698636577339</v>
      </c>
      <c r="BR153" s="98">
        <v>2079</v>
      </c>
      <c r="BS153" s="97">
        <v>2082</v>
      </c>
      <c r="BT153" s="97">
        <v>847</v>
      </c>
      <c r="BU153" s="97">
        <v>847</v>
      </c>
      <c r="BV153" s="54">
        <f>BT153/BR153*100</f>
        <v>40.74074074074074</v>
      </c>
      <c r="BW153" s="52">
        <f>BU153/BS153*100</f>
        <v>40.682036503362148</v>
      </c>
      <c r="BX153" s="96">
        <v>1996</v>
      </c>
      <c r="BY153" s="97">
        <v>1999</v>
      </c>
      <c r="BZ153" s="97">
        <v>851</v>
      </c>
      <c r="CA153" s="97">
        <v>851</v>
      </c>
      <c r="CB153" s="54">
        <f>BZ153/BX153*100</f>
        <v>42.635270541082164</v>
      </c>
      <c r="CC153" s="54">
        <f>CA153/BY153*100</f>
        <v>42.571285642821408</v>
      </c>
      <c r="CD153" s="98">
        <v>1946</v>
      </c>
      <c r="CE153" s="97">
        <v>1949</v>
      </c>
      <c r="CF153" s="97">
        <v>860</v>
      </c>
      <c r="CG153" s="97">
        <v>860</v>
      </c>
      <c r="CH153" s="54">
        <f>CF153/CD153*100</f>
        <v>44.193216855087357</v>
      </c>
      <c r="CI153" s="52">
        <f>CG153/CE153*100</f>
        <v>44.125192406362231</v>
      </c>
      <c r="CJ153" s="98">
        <v>1892</v>
      </c>
      <c r="CK153" s="97">
        <v>1905</v>
      </c>
      <c r="CL153" s="97">
        <v>850</v>
      </c>
      <c r="CM153" s="97">
        <v>851</v>
      </c>
      <c r="CN153" s="54">
        <f>CL153/CJ153*100</f>
        <v>44.926004228329809</v>
      </c>
      <c r="CO153" s="52">
        <f>CM153/CK153*100</f>
        <v>44.671916010498684</v>
      </c>
      <c r="CP153" s="98">
        <v>1813</v>
      </c>
      <c r="CQ153" s="97">
        <v>1825</v>
      </c>
      <c r="CR153" s="97">
        <v>827</v>
      </c>
      <c r="CS153" s="97">
        <v>828</v>
      </c>
      <c r="CT153" s="54">
        <f>CR153/CP153*100</f>
        <v>45.615002757859898</v>
      </c>
      <c r="CU153" s="61">
        <f>CS153/CQ153*100</f>
        <v>45.369863013698634</v>
      </c>
      <c r="CV153" s="98">
        <v>1752</v>
      </c>
      <c r="CW153" s="97">
        <v>1766</v>
      </c>
      <c r="CX153" s="97">
        <v>819</v>
      </c>
      <c r="CY153" s="97">
        <v>820</v>
      </c>
      <c r="CZ153" s="21">
        <f t="shared" ref="CZ153:CZ158" si="18">CX153/CV153*100</f>
        <v>46.746575342465754</v>
      </c>
      <c r="DA153" s="23">
        <f t="shared" ref="DA153:DA158" si="19">CY153/CW153*100</f>
        <v>46.432616081540203</v>
      </c>
      <c r="DB153" s="98">
        <v>1689</v>
      </c>
      <c r="DC153" s="97">
        <v>1709</v>
      </c>
      <c r="DD153" s="97">
        <v>815</v>
      </c>
      <c r="DE153" s="97">
        <v>816</v>
      </c>
      <c r="DF153" s="21">
        <v>48.3</v>
      </c>
      <c r="DG153" s="23">
        <v>47.7</v>
      </c>
      <c r="DH153" s="98">
        <v>1631</v>
      </c>
      <c r="DI153" s="97">
        <v>1651</v>
      </c>
      <c r="DJ153" s="97">
        <v>799</v>
      </c>
      <c r="DK153" s="97">
        <v>800</v>
      </c>
      <c r="DL153" s="57">
        <f t="shared" si="14"/>
        <v>48.988350705088898</v>
      </c>
      <c r="DM153" s="61">
        <f t="shared" si="15"/>
        <v>48.455481526347668</v>
      </c>
      <c r="DN153" s="98">
        <v>1588</v>
      </c>
      <c r="DO153" s="97">
        <v>1608</v>
      </c>
      <c r="DP153" s="97">
        <v>773</v>
      </c>
      <c r="DQ153" s="97">
        <v>774</v>
      </c>
      <c r="DR153" s="57">
        <f t="shared" si="16"/>
        <v>48.677581863979846</v>
      </c>
      <c r="DS153" s="61">
        <f t="shared" si="17"/>
        <v>48.134328358208954</v>
      </c>
    </row>
    <row r="154" spans="1:123" x14ac:dyDescent="0.2">
      <c r="A154" s="175"/>
      <c r="B154" s="176"/>
      <c r="C154" s="123" t="s">
        <v>62</v>
      </c>
      <c r="D154" s="27">
        <v>1572</v>
      </c>
      <c r="E154" s="25">
        <v>304</v>
      </c>
      <c r="F154" s="26">
        <v>19.3</v>
      </c>
      <c r="G154" s="27">
        <v>1588</v>
      </c>
      <c r="H154" s="25">
        <v>319</v>
      </c>
      <c r="I154" s="28">
        <v>20.100000000000001</v>
      </c>
      <c r="J154" s="24">
        <v>1559</v>
      </c>
      <c r="K154" s="25">
        <v>318</v>
      </c>
      <c r="L154" s="26">
        <v>20.399999999999999</v>
      </c>
      <c r="M154" s="27">
        <v>1544</v>
      </c>
      <c r="N154" s="25">
        <v>323</v>
      </c>
      <c r="O154" s="28">
        <v>20.9</v>
      </c>
      <c r="P154" s="24">
        <v>1534</v>
      </c>
      <c r="Q154" s="25">
        <v>323</v>
      </c>
      <c r="R154" s="26">
        <v>21.1</v>
      </c>
      <c r="S154" s="27">
        <v>1497</v>
      </c>
      <c r="T154" s="25">
        <v>329</v>
      </c>
      <c r="U154" s="62">
        <v>22</v>
      </c>
      <c r="V154" s="24">
        <v>1494</v>
      </c>
      <c r="W154" s="25">
        <v>345</v>
      </c>
      <c r="X154" s="63">
        <v>23.1</v>
      </c>
      <c r="Y154" s="27">
        <v>1476</v>
      </c>
      <c r="Z154" s="25">
        <v>343</v>
      </c>
      <c r="AA154" s="62">
        <v>23.2</v>
      </c>
      <c r="AB154" s="24">
        <v>1450</v>
      </c>
      <c r="AC154" s="25">
        <v>345</v>
      </c>
      <c r="AD154" s="63">
        <v>23.8</v>
      </c>
      <c r="AE154" s="27">
        <v>1409</v>
      </c>
      <c r="AF154" s="25">
        <v>340</v>
      </c>
      <c r="AG154" s="62">
        <v>24.1</v>
      </c>
      <c r="AH154" s="24">
        <v>1399</v>
      </c>
      <c r="AI154" s="25">
        <v>339</v>
      </c>
      <c r="AJ154" s="63">
        <v>24.2</v>
      </c>
      <c r="AK154" s="99">
        <v>1355</v>
      </c>
      <c r="AL154" s="100">
        <v>333</v>
      </c>
      <c r="AM154" s="28">
        <f t="shared" ref="AM154:AM158" si="20">AL154/AK154*100</f>
        <v>24.575645756457565</v>
      </c>
      <c r="AN154" s="101">
        <v>1330</v>
      </c>
      <c r="AO154" s="100">
        <v>335</v>
      </c>
      <c r="AP154" s="28">
        <f t="shared" ref="AP154:AP155" si="21">AO154/AN154*100</f>
        <v>25.18796992481203</v>
      </c>
      <c r="AQ154" s="101">
        <v>1286</v>
      </c>
      <c r="AR154" s="100">
        <v>336</v>
      </c>
      <c r="AS154" s="26">
        <f t="shared" ref="AS154:AS155" si="22">AR154/AQ154*100</f>
        <v>26.127527216174183</v>
      </c>
      <c r="AT154" s="101">
        <v>1247</v>
      </c>
      <c r="AU154" s="100">
        <v>343</v>
      </c>
      <c r="AV154" s="26">
        <f t="shared" ref="AV154:AV155" si="23">AU154/AT154*100</f>
        <v>27.506014434643145</v>
      </c>
      <c r="AW154" s="99">
        <v>1230</v>
      </c>
      <c r="AX154" s="100">
        <v>329</v>
      </c>
      <c r="AY154" s="28">
        <f t="shared" ref="AY154:AY155" si="24">AX154/AW154*100</f>
        <v>26.747967479674795</v>
      </c>
      <c r="AZ154" s="101">
        <v>1194</v>
      </c>
      <c r="BA154" s="100">
        <v>332</v>
      </c>
      <c r="BB154" s="26">
        <f t="shared" ref="BB154:BB155" si="25">BA154/AZ154*100</f>
        <v>27.805695142378561</v>
      </c>
      <c r="BC154" s="99">
        <v>1161</v>
      </c>
      <c r="BD154" s="100">
        <v>341</v>
      </c>
      <c r="BE154" s="28">
        <f t="shared" ref="BE154:BE155" si="26">BD154/BC154*100</f>
        <v>29.371231696813094</v>
      </c>
      <c r="BF154" s="101">
        <v>1118</v>
      </c>
      <c r="BG154" s="100">
        <v>1118</v>
      </c>
      <c r="BH154" s="100">
        <v>349</v>
      </c>
      <c r="BI154" s="100">
        <v>349</v>
      </c>
      <c r="BJ154" s="28">
        <f t="shared" ref="BJ154:BJ158" si="27">BH154/BF154*100</f>
        <v>31.216457960644007</v>
      </c>
      <c r="BK154" s="26">
        <f t="shared" ref="BK154:BK158" si="28">BI154/BG154*100</f>
        <v>31.216457960644007</v>
      </c>
      <c r="BL154" s="99">
        <v>1063</v>
      </c>
      <c r="BM154" s="99">
        <v>1063</v>
      </c>
      <c r="BN154" s="100">
        <v>358</v>
      </c>
      <c r="BO154" s="100">
        <v>358</v>
      </c>
      <c r="BP154" s="28">
        <f t="shared" ref="BP154:BP158" si="29">BN154/BL154*100</f>
        <v>33.678269049858891</v>
      </c>
      <c r="BQ154" s="28">
        <f t="shared" ref="BQ154:BQ158" si="30">BO154/BM154*100</f>
        <v>33.678269049858891</v>
      </c>
      <c r="BR154" s="101">
        <v>1044</v>
      </c>
      <c r="BS154" s="100">
        <v>1044</v>
      </c>
      <c r="BT154" s="100">
        <v>375</v>
      </c>
      <c r="BU154" s="100">
        <v>375</v>
      </c>
      <c r="BV154" s="28">
        <f t="shared" ref="BV154:BV158" si="31">BT154/BR154*100</f>
        <v>35.919540229885058</v>
      </c>
      <c r="BW154" s="26">
        <f t="shared" ref="BW154:BW158" si="32">BU154/BS154*100</f>
        <v>35.919540229885058</v>
      </c>
      <c r="BX154" s="99">
        <v>995</v>
      </c>
      <c r="BY154" s="100">
        <v>995</v>
      </c>
      <c r="BZ154" s="100">
        <v>383</v>
      </c>
      <c r="CA154" s="100">
        <v>383</v>
      </c>
      <c r="CB154" s="28">
        <f t="shared" ref="CB154:CB158" si="33">BZ154/BX154*100</f>
        <v>38.492462311557787</v>
      </c>
      <c r="CC154" s="28">
        <f t="shared" ref="CC154:CC158" si="34">CA154/BY154*100</f>
        <v>38.492462311557787</v>
      </c>
      <c r="CD154" s="101">
        <v>988</v>
      </c>
      <c r="CE154" s="100">
        <v>988</v>
      </c>
      <c r="CF154" s="100">
        <v>391</v>
      </c>
      <c r="CG154" s="100">
        <v>391</v>
      </c>
      <c r="CH154" s="28">
        <f t="shared" ref="CH154:CH158" si="35">CF154/CD154*100</f>
        <v>39.574898785425098</v>
      </c>
      <c r="CI154" s="26">
        <f t="shared" ref="CI154:CI158" si="36">CG154/CE154*100</f>
        <v>39.574898785425098</v>
      </c>
      <c r="CJ154" s="101">
        <v>955</v>
      </c>
      <c r="CK154" s="100">
        <v>960</v>
      </c>
      <c r="CL154" s="100">
        <v>387</v>
      </c>
      <c r="CM154" s="100">
        <v>387</v>
      </c>
      <c r="CN154" s="28">
        <f t="shared" ref="CN154:CN158" si="37">CL154/CJ154*100</f>
        <v>40.523560209424083</v>
      </c>
      <c r="CO154" s="26">
        <f t="shared" ref="CO154:CO158" si="38">CM154/CK154*100</f>
        <v>40.3125</v>
      </c>
      <c r="CP154" s="101">
        <v>907</v>
      </c>
      <c r="CQ154" s="100">
        <v>912</v>
      </c>
      <c r="CR154" s="100">
        <v>379</v>
      </c>
      <c r="CS154" s="100">
        <v>379</v>
      </c>
      <c r="CT154" s="28">
        <f t="shared" ref="CT154:CT158" si="39">CR154/CP154*100</f>
        <v>41.786108048511579</v>
      </c>
      <c r="CU154" s="36">
        <f t="shared" ref="CU154:CU158" si="40">CS154/CQ154*100</f>
        <v>41.557017543859651</v>
      </c>
      <c r="CV154" s="101">
        <v>880</v>
      </c>
      <c r="CW154" s="100">
        <v>887</v>
      </c>
      <c r="CX154" s="100">
        <v>377</v>
      </c>
      <c r="CY154" s="100">
        <v>377</v>
      </c>
      <c r="CZ154" s="34">
        <f t="shared" si="18"/>
        <v>42.840909090909093</v>
      </c>
      <c r="DA154" s="36">
        <f t="shared" si="19"/>
        <v>42.502818489289737</v>
      </c>
      <c r="DB154" s="101">
        <v>851</v>
      </c>
      <c r="DC154" s="100">
        <v>862</v>
      </c>
      <c r="DD154" s="100">
        <v>379</v>
      </c>
      <c r="DE154" s="100">
        <v>379</v>
      </c>
      <c r="DF154" s="34">
        <v>44.5</v>
      </c>
      <c r="DG154" s="36">
        <v>44</v>
      </c>
      <c r="DH154" s="101">
        <v>820</v>
      </c>
      <c r="DI154" s="100">
        <v>831</v>
      </c>
      <c r="DJ154" s="100">
        <v>367</v>
      </c>
      <c r="DK154" s="100">
        <v>367</v>
      </c>
      <c r="DL154" s="34">
        <f t="shared" si="14"/>
        <v>44.756097560975611</v>
      </c>
      <c r="DM154" s="36">
        <f t="shared" si="15"/>
        <v>44.163658243080626</v>
      </c>
      <c r="DN154" s="101">
        <v>806</v>
      </c>
      <c r="DO154" s="100">
        <v>817</v>
      </c>
      <c r="DP154" s="100">
        <v>351</v>
      </c>
      <c r="DQ154" s="100">
        <v>351</v>
      </c>
      <c r="DR154" s="34">
        <f t="shared" si="16"/>
        <v>43.548387096774192</v>
      </c>
      <c r="DS154" s="36">
        <f t="shared" si="17"/>
        <v>42.962056303549573</v>
      </c>
    </row>
    <row r="155" spans="1:123" x14ac:dyDescent="0.2">
      <c r="A155" s="175"/>
      <c r="B155" s="176"/>
      <c r="C155" s="122" t="s">
        <v>63</v>
      </c>
      <c r="D155" s="40">
        <v>1584</v>
      </c>
      <c r="E155" s="38">
        <v>413</v>
      </c>
      <c r="F155" s="39">
        <v>26.1</v>
      </c>
      <c r="G155" s="40">
        <v>1596</v>
      </c>
      <c r="H155" s="38">
        <v>427</v>
      </c>
      <c r="I155" s="41">
        <v>26.8</v>
      </c>
      <c r="J155" s="37">
        <v>1567</v>
      </c>
      <c r="K155" s="38">
        <v>429</v>
      </c>
      <c r="L155" s="39">
        <v>27.4</v>
      </c>
      <c r="M155" s="40">
        <v>1561</v>
      </c>
      <c r="N155" s="38">
        <v>442</v>
      </c>
      <c r="O155" s="41">
        <v>28.3</v>
      </c>
      <c r="P155" s="37">
        <v>1552</v>
      </c>
      <c r="Q155" s="38">
        <v>444</v>
      </c>
      <c r="R155" s="39">
        <v>28.6</v>
      </c>
      <c r="S155" s="40">
        <v>1508</v>
      </c>
      <c r="T155" s="38">
        <v>457</v>
      </c>
      <c r="U155" s="67">
        <v>30.3</v>
      </c>
      <c r="V155" s="37">
        <v>1498</v>
      </c>
      <c r="W155" s="38">
        <v>456</v>
      </c>
      <c r="X155" s="68">
        <v>30.4</v>
      </c>
      <c r="Y155" s="40">
        <v>1473</v>
      </c>
      <c r="Z155" s="38">
        <v>449</v>
      </c>
      <c r="AA155" s="67">
        <v>30.5</v>
      </c>
      <c r="AB155" s="37">
        <v>1438</v>
      </c>
      <c r="AC155" s="38">
        <v>447</v>
      </c>
      <c r="AD155" s="68">
        <v>31.1</v>
      </c>
      <c r="AE155" s="40">
        <v>1398</v>
      </c>
      <c r="AF155" s="38">
        <v>465</v>
      </c>
      <c r="AG155" s="67">
        <v>33.299999999999997</v>
      </c>
      <c r="AH155" s="37">
        <v>1385</v>
      </c>
      <c r="AI155" s="38">
        <v>468</v>
      </c>
      <c r="AJ155" s="68">
        <v>33.799999999999997</v>
      </c>
      <c r="AK155" s="102">
        <v>1343</v>
      </c>
      <c r="AL155" s="103">
        <v>474</v>
      </c>
      <c r="AM155" s="41">
        <f t="shared" si="20"/>
        <v>35.294117647058826</v>
      </c>
      <c r="AN155" s="104">
        <v>1323</v>
      </c>
      <c r="AO155" s="103">
        <v>481</v>
      </c>
      <c r="AP155" s="41">
        <f t="shared" si="21"/>
        <v>36.356764928193499</v>
      </c>
      <c r="AQ155" s="104">
        <v>1278</v>
      </c>
      <c r="AR155" s="103">
        <v>482</v>
      </c>
      <c r="AS155" s="39">
        <f t="shared" si="22"/>
        <v>37.715179968701094</v>
      </c>
      <c r="AT155" s="104">
        <v>1237</v>
      </c>
      <c r="AU155" s="103">
        <v>491</v>
      </c>
      <c r="AV155" s="39">
        <f t="shared" si="23"/>
        <v>39.692805173807599</v>
      </c>
      <c r="AW155" s="102">
        <v>1203</v>
      </c>
      <c r="AX155" s="103">
        <v>482</v>
      </c>
      <c r="AY155" s="41">
        <f t="shared" si="24"/>
        <v>40.066500415627601</v>
      </c>
      <c r="AZ155" s="104">
        <v>1171</v>
      </c>
      <c r="BA155" s="103">
        <v>473</v>
      </c>
      <c r="BB155" s="39">
        <f t="shared" si="25"/>
        <v>40.392826643894111</v>
      </c>
      <c r="BC155" s="102">
        <v>1140</v>
      </c>
      <c r="BD155" s="103">
        <v>463</v>
      </c>
      <c r="BE155" s="41">
        <f t="shared" si="26"/>
        <v>40.614035087719294</v>
      </c>
      <c r="BF155" s="104">
        <v>1097</v>
      </c>
      <c r="BG155" s="103">
        <v>1100</v>
      </c>
      <c r="BH155" s="103">
        <v>463</v>
      </c>
      <c r="BI155" s="103">
        <v>463</v>
      </c>
      <c r="BJ155" s="41">
        <f t="shared" si="27"/>
        <v>42.20601640838651</v>
      </c>
      <c r="BK155" s="39">
        <f t="shared" si="28"/>
        <v>42.090909090909093</v>
      </c>
      <c r="BL155" s="102">
        <v>1061</v>
      </c>
      <c r="BM155" s="102">
        <v>1064</v>
      </c>
      <c r="BN155" s="103">
        <v>456</v>
      </c>
      <c r="BO155" s="103">
        <v>456</v>
      </c>
      <c r="BP155" s="41">
        <f t="shared" si="29"/>
        <v>42.978322337417531</v>
      </c>
      <c r="BQ155" s="41">
        <f t="shared" si="30"/>
        <v>42.857142857142854</v>
      </c>
      <c r="BR155" s="104">
        <v>1035</v>
      </c>
      <c r="BS155" s="103">
        <v>1038</v>
      </c>
      <c r="BT155" s="103">
        <v>472</v>
      </c>
      <c r="BU155" s="103">
        <v>472</v>
      </c>
      <c r="BV155" s="41">
        <f t="shared" si="31"/>
        <v>45.603864734299513</v>
      </c>
      <c r="BW155" s="39">
        <f t="shared" si="32"/>
        <v>45.472061657032754</v>
      </c>
      <c r="BX155" s="102">
        <v>1001</v>
      </c>
      <c r="BY155" s="103">
        <v>1004</v>
      </c>
      <c r="BZ155" s="103">
        <v>468</v>
      </c>
      <c r="CA155" s="103">
        <v>468</v>
      </c>
      <c r="CB155" s="41">
        <f t="shared" si="33"/>
        <v>46.753246753246749</v>
      </c>
      <c r="CC155" s="41">
        <f t="shared" si="34"/>
        <v>46.613545816733065</v>
      </c>
      <c r="CD155" s="104">
        <v>958</v>
      </c>
      <c r="CE155" s="103">
        <v>961</v>
      </c>
      <c r="CF155" s="103">
        <v>469</v>
      </c>
      <c r="CG155" s="103">
        <v>469</v>
      </c>
      <c r="CH155" s="41">
        <f t="shared" si="35"/>
        <v>48.956158663883087</v>
      </c>
      <c r="CI155" s="39">
        <f t="shared" si="36"/>
        <v>48.80332986472424</v>
      </c>
      <c r="CJ155" s="104">
        <v>937</v>
      </c>
      <c r="CK155" s="103">
        <v>945</v>
      </c>
      <c r="CL155" s="103">
        <v>463</v>
      </c>
      <c r="CM155" s="103">
        <v>464</v>
      </c>
      <c r="CN155" s="41">
        <f t="shared" si="37"/>
        <v>49.413020277481323</v>
      </c>
      <c r="CO155" s="39">
        <f t="shared" si="38"/>
        <v>49.100529100529101</v>
      </c>
      <c r="CP155" s="104">
        <v>906</v>
      </c>
      <c r="CQ155" s="103">
        <v>913</v>
      </c>
      <c r="CR155" s="103">
        <v>448</v>
      </c>
      <c r="CS155" s="103">
        <v>449</v>
      </c>
      <c r="CT155" s="41">
        <f t="shared" si="39"/>
        <v>49.448123620309055</v>
      </c>
      <c r="CU155" s="49">
        <f t="shared" si="40"/>
        <v>49.178532311062433</v>
      </c>
      <c r="CV155" s="104">
        <v>872</v>
      </c>
      <c r="CW155" s="103">
        <v>879</v>
      </c>
      <c r="CX155" s="103">
        <v>442</v>
      </c>
      <c r="CY155" s="103">
        <v>443</v>
      </c>
      <c r="CZ155" s="47">
        <f t="shared" si="18"/>
        <v>50.688073394495412</v>
      </c>
      <c r="DA155" s="49">
        <f t="shared" si="19"/>
        <v>50.398179749715588</v>
      </c>
      <c r="DB155" s="104">
        <v>838</v>
      </c>
      <c r="DC155" s="103">
        <v>847</v>
      </c>
      <c r="DD155" s="103">
        <v>436</v>
      </c>
      <c r="DE155" s="103">
        <v>437</v>
      </c>
      <c r="DF155" s="47">
        <v>52</v>
      </c>
      <c r="DG155" s="49">
        <v>51.6</v>
      </c>
      <c r="DH155" s="104">
        <v>811</v>
      </c>
      <c r="DI155" s="103">
        <v>820</v>
      </c>
      <c r="DJ155" s="103">
        <v>432</v>
      </c>
      <c r="DK155" s="103">
        <v>433</v>
      </c>
      <c r="DL155" s="47">
        <f t="shared" si="14"/>
        <v>53.267570900123303</v>
      </c>
      <c r="DM155" s="23">
        <f t="shared" si="15"/>
        <v>52.804878048780488</v>
      </c>
      <c r="DN155" s="104">
        <v>782</v>
      </c>
      <c r="DO155" s="103">
        <v>791</v>
      </c>
      <c r="DP155" s="103">
        <v>422</v>
      </c>
      <c r="DQ155" s="103">
        <v>423</v>
      </c>
      <c r="DR155" s="47">
        <f t="shared" si="16"/>
        <v>53.964194373401533</v>
      </c>
      <c r="DS155" s="23">
        <f t="shared" si="17"/>
        <v>53.476611883691525</v>
      </c>
    </row>
    <row r="156" spans="1:123" x14ac:dyDescent="0.2">
      <c r="A156" s="181" t="s">
        <v>67</v>
      </c>
      <c r="B156" s="176"/>
      <c r="C156" s="121" t="s">
        <v>61</v>
      </c>
      <c r="D156" s="53">
        <v>2689</v>
      </c>
      <c r="E156" s="51">
        <v>956</v>
      </c>
      <c r="F156" s="52">
        <v>35.6</v>
      </c>
      <c r="G156" s="53">
        <v>2611</v>
      </c>
      <c r="H156" s="51">
        <v>905</v>
      </c>
      <c r="I156" s="54">
        <v>34.700000000000003</v>
      </c>
      <c r="J156" s="50">
        <v>2586</v>
      </c>
      <c r="K156" s="51">
        <v>903</v>
      </c>
      <c r="L156" s="52">
        <v>34.9</v>
      </c>
      <c r="M156" s="53">
        <v>2528</v>
      </c>
      <c r="N156" s="51"/>
      <c r="O156" s="54"/>
      <c r="P156" s="50">
        <v>2401</v>
      </c>
      <c r="Q156" s="51"/>
      <c r="R156" s="52"/>
      <c r="S156" s="53">
        <v>2356</v>
      </c>
      <c r="T156" s="51"/>
      <c r="U156" s="58"/>
      <c r="V156" s="50">
        <v>2310</v>
      </c>
      <c r="W156" s="51"/>
      <c r="X156" s="55"/>
      <c r="Y156" s="53">
        <v>2293</v>
      </c>
      <c r="Z156" s="51"/>
      <c r="AA156" s="58"/>
      <c r="AB156" s="50">
        <v>2231</v>
      </c>
      <c r="AC156" s="51"/>
      <c r="AD156" s="55"/>
      <c r="AE156" s="53">
        <v>2187</v>
      </c>
      <c r="AF156" s="51"/>
      <c r="AG156" s="58"/>
      <c r="AH156" s="50">
        <v>2114</v>
      </c>
      <c r="AI156" s="51"/>
      <c r="AJ156" s="55"/>
      <c r="AK156" s="96">
        <v>2027</v>
      </c>
      <c r="AL156" s="97">
        <v>893</v>
      </c>
      <c r="AM156" s="54">
        <f>AL156/AK156*100</f>
        <v>44.055254070054268</v>
      </c>
      <c r="AN156" s="98">
        <v>1978</v>
      </c>
      <c r="AO156" s="97">
        <v>894</v>
      </c>
      <c r="AP156" s="54">
        <f>AO156/AN156*100</f>
        <v>45.197168857431748</v>
      </c>
      <c r="AQ156" s="98">
        <v>1915</v>
      </c>
      <c r="AR156" s="97">
        <v>890</v>
      </c>
      <c r="AS156" s="52">
        <f>AR156/AQ156*100</f>
        <v>46.47519582245431</v>
      </c>
      <c r="AT156" s="98">
        <v>1873</v>
      </c>
      <c r="AU156" s="97">
        <v>883</v>
      </c>
      <c r="AV156" s="52">
        <f>AU156/AT156*100</f>
        <v>47.143619861185265</v>
      </c>
      <c r="AW156" s="96">
        <v>1792</v>
      </c>
      <c r="AX156" s="97">
        <v>858</v>
      </c>
      <c r="AY156" s="54">
        <f>AX156/AW156*100</f>
        <v>47.879464285714285</v>
      </c>
      <c r="AZ156" s="98">
        <v>1732</v>
      </c>
      <c r="BA156" s="97">
        <v>846</v>
      </c>
      <c r="BB156" s="52">
        <f>BA156/AZ156*100</f>
        <v>48.84526558891455</v>
      </c>
      <c r="BC156" s="96">
        <v>1677</v>
      </c>
      <c r="BD156" s="97">
        <v>832</v>
      </c>
      <c r="BE156" s="54">
        <f>BD156/BC156*100</f>
        <v>49.612403100775197</v>
      </c>
      <c r="BF156" s="98">
        <v>1618</v>
      </c>
      <c r="BG156" s="97">
        <v>1628</v>
      </c>
      <c r="BH156" s="97">
        <v>815</v>
      </c>
      <c r="BI156" s="97">
        <v>816</v>
      </c>
      <c r="BJ156" s="54">
        <f t="shared" si="27"/>
        <v>50.370828182941906</v>
      </c>
      <c r="BK156" s="52">
        <f t="shared" si="28"/>
        <v>50.122850122850124</v>
      </c>
      <c r="BL156" s="96">
        <v>1554</v>
      </c>
      <c r="BM156" s="96">
        <v>1564</v>
      </c>
      <c r="BN156" s="97">
        <v>798</v>
      </c>
      <c r="BO156" s="97">
        <v>799</v>
      </c>
      <c r="BP156" s="54">
        <f t="shared" si="29"/>
        <v>51.351351351351347</v>
      </c>
      <c r="BQ156" s="54">
        <f t="shared" si="30"/>
        <v>51.086956521739133</v>
      </c>
      <c r="BR156" s="98">
        <v>1511</v>
      </c>
      <c r="BS156" s="97">
        <v>1521</v>
      </c>
      <c r="BT156" s="97">
        <v>790</v>
      </c>
      <c r="BU156" s="97">
        <v>791</v>
      </c>
      <c r="BV156" s="54">
        <f t="shared" si="31"/>
        <v>52.283256121773661</v>
      </c>
      <c r="BW156" s="52">
        <f t="shared" si="32"/>
        <v>52.005259697567382</v>
      </c>
      <c r="BX156" s="96">
        <v>1419</v>
      </c>
      <c r="BY156" s="97">
        <v>1429</v>
      </c>
      <c r="BZ156" s="97">
        <v>780</v>
      </c>
      <c r="CA156" s="97">
        <v>781</v>
      </c>
      <c r="CB156" s="54">
        <f t="shared" si="33"/>
        <v>54.968287526427062</v>
      </c>
      <c r="CC156" s="54">
        <f t="shared" si="34"/>
        <v>54.653603918824359</v>
      </c>
      <c r="CD156" s="105">
        <v>1371</v>
      </c>
      <c r="CE156" s="106">
        <v>1381</v>
      </c>
      <c r="CF156" s="106">
        <v>761</v>
      </c>
      <c r="CG156" s="106">
        <v>761</v>
      </c>
      <c r="CH156" s="15">
        <f t="shared" si="35"/>
        <v>55.506929248723559</v>
      </c>
      <c r="CI156" s="15">
        <f t="shared" si="36"/>
        <v>55.104996379435192</v>
      </c>
      <c r="CJ156" s="98">
        <v>1315</v>
      </c>
      <c r="CK156" s="97">
        <v>1327</v>
      </c>
      <c r="CL156" s="97">
        <v>742</v>
      </c>
      <c r="CM156" s="97">
        <v>742</v>
      </c>
      <c r="CN156" s="54">
        <f t="shared" si="37"/>
        <v>56.425855513307987</v>
      </c>
      <c r="CO156" s="52">
        <f t="shared" si="38"/>
        <v>55.915599095704593</v>
      </c>
      <c r="CP156" s="98">
        <v>1283</v>
      </c>
      <c r="CQ156" s="97">
        <v>1301</v>
      </c>
      <c r="CR156" s="97">
        <v>736</v>
      </c>
      <c r="CS156" s="97">
        <v>736</v>
      </c>
      <c r="CT156" s="54">
        <f t="shared" si="39"/>
        <v>57.3655494933749</v>
      </c>
      <c r="CU156" s="61">
        <f t="shared" si="40"/>
        <v>56.571867794004618</v>
      </c>
      <c r="CV156" s="98">
        <v>1219</v>
      </c>
      <c r="CW156" s="97">
        <v>1244</v>
      </c>
      <c r="CX156" s="97">
        <v>707</v>
      </c>
      <c r="CY156" s="97">
        <v>707</v>
      </c>
      <c r="CZ156" s="21">
        <f t="shared" si="18"/>
        <v>57.998359310910587</v>
      </c>
      <c r="DA156" s="23">
        <f t="shared" si="19"/>
        <v>56.832797427652736</v>
      </c>
      <c r="DB156" s="98">
        <v>1179</v>
      </c>
      <c r="DC156" s="97">
        <v>1201</v>
      </c>
      <c r="DD156" s="97">
        <v>696</v>
      </c>
      <c r="DE156" s="97">
        <v>696</v>
      </c>
      <c r="DF156" s="21">
        <v>59</v>
      </c>
      <c r="DG156" s="23">
        <v>58</v>
      </c>
      <c r="DH156" s="98">
        <v>1120</v>
      </c>
      <c r="DI156" s="97">
        <v>1136</v>
      </c>
      <c r="DJ156" s="97">
        <v>665</v>
      </c>
      <c r="DK156" s="97">
        <v>665</v>
      </c>
      <c r="DL156" s="21">
        <f t="shared" si="14"/>
        <v>59.375</v>
      </c>
      <c r="DM156" s="61">
        <f t="shared" si="15"/>
        <v>58.5387323943662</v>
      </c>
      <c r="DN156" s="98">
        <v>1075</v>
      </c>
      <c r="DO156" s="97">
        <v>1099</v>
      </c>
      <c r="DP156" s="97">
        <v>623</v>
      </c>
      <c r="DQ156" s="97">
        <v>623</v>
      </c>
      <c r="DR156" s="21">
        <f t="shared" si="16"/>
        <v>57.95348837209302</v>
      </c>
      <c r="DS156" s="61">
        <f t="shared" si="17"/>
        <v>56.687898089171973</v>
      </c>
    </row>
    <row r="157" spans="1:123" x14ac:dyDescent="0.2">
      <c r="A157" s="175"/>
      <c r="B157" s="176"/>
      <c r="C157" s="123" t="s">
        <v>62</v>
      </c>
      <c r="D157" s="27">
        <v>1268</v>
      </c>
      <c r="E157" s="25">
        <v>422</v>
      </c>
      <c r="F157" s="26">
        <v>33.299999999999997</v>
      </c>
      <c r="G157" s="27">
        <v>1225</v>
      </c>
      <c r="H157" s="25">
        <v>391</v>
      </c>
      <c r="I157" s="28">
        <v>31.9</v>
      </c>
      <c r="J157" s="24">
        <v>1220</v>
      </c>
      <c r="K157" s="25">
        <v>393</v>
      </c>
      <c r="L157" s="26">
        <v>32.200000000000003</v>
      </c>
      <c r="M157" s="27">
        <v>1183</v>
      </c>
      <c r="N157" s="25"/>
      <c r="O157" s="28"/>
      <c r="P157" s="24">
        <v>1137</v>
      </c>
      <c r="Q157" s="25"/>
      <c r="R157" s="26"/>
      <c r="S157" s="27">
        <v>1129</v>
      </c>
      <c r="T157" s="25"/>
      <c r="U157" s="62"/>
      <c r="V157" s="24">
        <v>1101</v>
      </c>
      <c r="W157" s="25"/>
      <c r="X157" s="63"/>
      <c r="Y157" s="27">
        <v>1090</v>
      </c>
      <c r="Z157" s="25"/>
      <c r="AA157" s="62"/>
      <c r="AB157" s="24">
        <v>1060</v>
      </c>
      <c r="AC157" s="25"/>
      <c r="AD157" s="63"/>
      <c r="AE157" s="27">
        <v>1026</v>
      </c>
      <c r="AF157" s="25"/>
      <c r="AG157" s="62"/>
      <c r="AH157" s="24">
        <v>987</v>
      </c>
      <c r="AI157" s="25"/>
      <c r="AJ157" s="63"/>
      <c r="AK157" s="99">
        <v>945</v>
      </c>
      <c r="AL157" s="100">
        <v>372</v>
      </c>
      <c r="AM157" s="28">
        <f t="shared" si="20"/>
        <v>39.365079365079367</v>
      </c>
      <c r="AN157" s="101">
        <v>928</v>
      </c>
      <c r="AO157" s="100">
        <v>372</v>
      </c>
      <c r="AP157" s="28">
        <f t="shared" ref="AP157:AP158" si="41">AO157/AN157*100</f>
        <v>40.086206896551722</v>
      </c>
      <c r="AQ157" s="101">
        <v>904</v>
      </c>
      <c r="AR157" s="100">
        <v>371</v>
      </c>
      <c r="AS157" s="26">
        <f t="shared" ref="AS157:AS158" si="42">AR157/AQ157*100</f>
        <v>41.039823008849559</v>
      </c>
      <c r="AT157" s="101">
        <v>873</v>
      </c>
      <c r="AU157" s="100">
        <v>361</v>
      </c>
      <c r="AV157" s="26">
        <f t="shared" ref="AV157:AV158" si="43">AU157/AT157*100</f>
        <v>41.3516609392898</v>
      </c>
      <c r="AW157" s="99">
        <v>842</v>
      </c>
      <c r="AX157" s="100">
        <v>352</v>
      </c>
      <c r="AY157" s="28">
        <f t="shared" ref="AY157:AY158" si="44">AX157/AW157*100</f>
        <v>41.805225653206648</v>
      </c>
      <c r="AZ157" s="101">
        <v>805</v>
      </c>
      <c r="BA157" s="100">
        <v>345</v>
      </c>
      <c r="BB157" s="26">
        <f t="shared" ref="BB157:BB158" si="45">BA157/AZ157*100</f>
        <v>42.857142857142854</v>
      </c>
      <c r="BC157" s="99">
        <v>768</v>
      </c>
      <c r="BD157" s="100">
        <v>331</v>
      </c>
      <c r="BE157" s="28">
        <f t="shared" ref="BE157:BE158" si="46">BD157/BC157*100</f>
        <v>43.098958333333329</v>
      </c>
      <c r="BF157" s="101">
        <v>740</v>
      </c>
      <c r="BG157" s="100">
        <v>741</v>
      </c>
      <c r="BH157" s="100">
        <v>324</v>
      </c>
      <c r="BI157" s="100">
        <v>325</v>
      </c>
      <c r="BJ157" s="28">
        <f t="shared" si="27"/>
        <v>43.78378378378379</v>
      </c>
      <c r="BK157" s="26">
        <f t="shared" si="28"/>
        <v>43.859649122807014</v>
      </c>
      <c r="BL157" s="99">
        <v>711</v>
      </c>
      <c r="BM157" s="99">
        <v>712</v>
      </c>
      <c r="BN157" s="100">
        <v>317</v>
      </c>
      <c r="BO157" s="100">
        <v>318</v>
      </c>
      <c r="BP157" s="28">
        <f t="shared" si="29"/>
        <v>44.585091420534454</v>
      </c>
      <c r="BQ157" s="28">
        <f t="shared" si="30"/>
        <v>44.662921348314605</v>
      </c>
      <c r="BR157" s="101">
        <v>691</v>
      </c>
      <c r="BS157" s="100">
        <v>692</v>
      </c>
      <c r="BT157" s="100">
        <v>306</v>
      </c>
      <c r="BU157" s="100">
        <v>307</v>
      </c>
      <c r="BV157" s="28">
        <f t="shared" si="31"/>
        <v>44.283646888567297</v>
      </c>
      <c r="BW157" s="26">
        <f t="shared" si="32"/>
        <v>44.364161849710982</v>
      </c>
      <c r="BX157" s="99">
        <v>649</v>
      </c>
      <c r="BY157" s="100">
        <v>650</v>
      </c>
      <c r="BZ157" s="100">
        <v>306</v>
      </c>
      <c r="CA157" s="100">
        <v>307</v>
      </c>
      <c r="CB157" s="28">
        <f t="shared" si="33"/>
        <v>47.14946070878274</v>
      </c>
      <c r="CC157" s="28">
        <f t="shared" si="34"/>
        <v>47.230769230769234</v>
      </c>
      <c r="CD157" s="101">
        <v>629</v>
      </c>
      <c r="CE157" s="100">
        <v>630</v>
      </c>
      <c r="CF157" s="100">
        <v>304</v>
      </c>
      <c r="CG157" s="100">
        <v>304</v>
      </c>
      <c r="CH157" s="28">
        <f t="shared" si="35"/>
        <v>48.330683624801274</v>
      </c>
      <c r="CI157" s="28">
        <f t="shared" si="36"/>
        <v>48.253968253968253</v>
      </c>
      <c r="CJ157" s="101">
        <v>595</v>
      </c>
      <c r="CK157" s="100">
        <v>598</v>
      </c>
      <c r="CL157" s="100">
        <v>288</v>
      </c>
      <c r="CM157" s="100">
        <v>288</v>
      </c>
      <c r="CN157" s="28">
        <f t="shared" si="37"/>
        <v>48.403361344537814</v>
      </c>
      <c r="CO157" s="26">
        <f t="shared" si="38"/>
        <v>48.16053511705686</v>
      </c>
      <c r="CP157" s="101">
        <v>581</v>
      </c>
      <c r="CQ157" s="100">
        <v>585</v>
      </c>
      <c r="CR157" s="100">
        <v>289</v>
      </c>
      <c r="CS157" s="100">
        <v>289</v>
      </c>
      <c r="CT157" s="28">
        <f t="shared" si="39"/>
        <v>49.741824440619617</v>
      </c>
      <c r="CU157" s="36">
        <f t="shared" si="40"/>
        <v>49.401709401709404</v>
      </c>
      <c r="CV157" s="101">
        <v>556</v>
      </c>
      <c r="CW157" s="100">
        <v>564</v>
      </c>
      <c r="CX157" s="100">
        <v>279</v>
      </c>
      <c r="CY157" s="100">
        <v>279</v>
      </c>
      <c r="CZ157" s="34">
        <f t="shared" si="18"/>
        <v>50.17985611510791</v>
      </c>
      <c r="DA157" s="36">
        <f t="shared" si="19"/>
        <v>49.468085106382979</v>
      </c>
      <c r="DB157" s="101">
        <v>539</v>
      </c>
      <c r="DC157" s="100">
        <v>547</v>
      </c>
      <c r="DD157" s="100">
        <v>272</v>
      </c>
      <c r="DE157" s="100">
        <v>272</v>
      </c>
      <c r="DF157" s="34">
        <v>50.5</v>
      </c>
      <c r="DG157" s="36">
        <v>49.7</v>
      </c>
      <c r="DH157" s="101">
        <v>517</v>
      </c>
      <c r="DI157" s="100">
        <v>524</v>
      </c>
      <c r="DJ157" s="100">
        <v>259</v>
      </c>
      <c r="DK157" s="100">
        <v>259</v>
      </c>
      <c r="DL157" s="34">
        <f t="shared" si="14"/>
        <v>50.096711798839458</v>
      </c>
      <c r="DM157" s="36">
        <f t="shared" si="15"/>
        <v>49.42748091603054</v>
      </c>
      <c r="DN157" s="101">
        <v>500</v>
      </c>
      <c r="DO157" s="100">
        <v>512</v>
      </c>
      <c r="DP157" s="100">
        <v>239</v>
      </c>
      <c r="DQ157" s="100">
        <v>239</v>
      </c>
      <c r="DR157" s="34">
        <f t="shared" si="16"/>
        <v>47.8</v>
      </c>
      <c r="DS157" s="36">
        <f t="shared" si="17"/>
        <v>46.6796875</v>
      </c>
    </row>
    <row r="158" spans="1:123" ht="13.8" thickBot="1" x14ac:dyDescent="0.25">
      <c r="A158" s="182"/>
      <c r="B158" s="183"/>
      <c r="C158" s="124" t="s">
        <v>63</v>
      </c>
      <c r="D158" s="110">
        <v>1421</v>
      </c>
      <c r="E158" s="108">
        <v>534</v>
      </c>
      <c r="F158" s="109">
        <v>37.6</v>
      </c>
      <c r="G158" s="110">
        <v>1386</v>
      </c>
      <c r="H158" s="108">
        <v>514</v>
      </c>
      <c r="I158" s="111">
        <v>37.1</v>
      </c>
      <c r="J158" s="107">
        <v>1366</v>
      </c>
      <c r="K158" s="108">
        <v>510</v>
      </c>
      <c r="L158" s="109">
        <v>37.299999999999997</v>
      </c>
      <c r="M158" s="110">
        <v>1345</v>
      </c>
      <c r="N158" s="108"/>
      <c r="O158" s="111"/>
      <c r="P158" s="107">
        <v>1264</v>
      </c>
      <c r="Q158" s="108"/>
      <c r="R158" s="109"/>
      <c r="S158" s="110">
        <v>1227</v>
      </c>
      <c r="T158" s="108"/>
      <c r="U158" s="112"/>
      <c r="V158" s="107">
        <v>1209</v>
      </c>
      <c r="W158" s="108"/>
      <c r="X158" s="113"/>
      <c r="Y158" s="110">
        <v>1203</v>
      </c>
      <c r="Z158" s="108"/>
      <c r="AA158" s="112"/>
      <c r="AB158" s="107">
        <v>1171</v>
      </c>
      <c r="AC158" s="108"/>
      <c r="AD158" s="113"/>
      <c r="AE158" s="110">
        <v>1161</v>
      </c>
      <c r="AF158" s="108"/>
      <c r="AG158" s="112"/>
      <c r="AH158" s="107">
        <v>1127</v>
      </c>
      <c r="AI158" s="108"/>
      <c r="AJ158" s="113"/>
      <c r="AK158" s="114">
        <v>1082</v>
      </c>
      <c r="AL158" s="115">
        <v>521</v>
      </c>
      <c r="AM158" s="111">
        <f t="shared" si="20"/>
        <v>48.151571164510166</v>
      </c>
      <c r="AN158" s="116">
        <v>1050</v>
      </c>
      <c r="AO158" s="115">
        <v>522</v>
      </c>
      <c r="AP158" s="111">
        <f t="shared" si="41"/>
        <v>49.714285714285715</v>
      </c>
      <c r="AQ158" s="116">
        <v>1011</v>
      </c>
      <c r="AR158" s="115">
        <v>519</v>
      </c>
      <c r="AS158" s="109">
        <f t="shared" si="42"/>
        <v>51.335311572700292</v>
      </c>
      <c r="AT158" s="116">
        <v>1000</v>
      </c>
      <c r="AU158" s="115">
        <v>522</v>
      </c>
      <c r="AV158" s="109">
        <f t="shared" si="43"/>
        <v>52.2</v>
      </c>
      <c r="AW158" s="114">
        <v>950</v>
      </c>
      <c r="AX158" s="115">
        <v>506</v>
      </c>
      <c r="AY158" s="111">
        <f t="shared" si="44"/>
        <v>53.263157894736842</v>
      </c>
      <c r="AZ158" s="116">
        <v>927</v>
      </c>
      <c r="BA158" s="115">
        <v>501</v>
      </c>
      <c r="BB158" s="109">
        <f t="shared" si="45"/>
        <v>54.045307443365701</v>
      </c>
      <c r="BC158" s="114">
        <v>909</v>
      </c>
      <c r="BD158" s="115">
        <v>501</v>
      </c>
      <c r="BE158" s="111">
        <f t="shared" si="46"/>
        <v>55.115511551155116</v>
      </c>
      <c r="BF158" s="116">
        <v>878</v>
      </c>
      <c r="BG158" s="115">
        <v>887</v>
      </c>
      <c r="BH158" s="115">
        <v>491</v>
      </c>
      <c r="BI158" s="115">
        <v>491</v>
      </c>
      <c r="BJ158" s="111">
        <f t="shared" si="27"/>
        <v>55.922551252847384</v>
      </c>
      <c r="BK158" s="109">
        <f t="shared" si="28"/>
        <v>55.35512965050733</v>
      </c>
      <c r="BL158" s="114">
        <v>843</v>
      </c>
      <c r="BM158" s="114">
        <v>852</v>
      </c>
      <c r="BN158" s="115">
        <v>481</v>
      </c>
      <c r="BO158" s="115">
        <v>481</v>
      </c>
      <c r="BP158" s="111">
        <f t="shared" si="29"/>
        <v>57.05812574139977</v>
      </c>
      <c r="BQ158" s="111">
        <f t="shared" si="30"/>
        <v>56.455399061032864</v>
      </c>
      <c r="BR158" s="116">
        <v>820</v>
      </c>
      <c r="BS158" s="115">
        <v>829</v>
      </c>
      <c r="BT158" s="115">
        <v>484</v>
      </c>
      <c r="BU158" s="115">
        <v>484</v>
      </c>
      <c r="BV158" s="111">
        <f t="shared" si="31"/>
        <v>59.024390243902438</v>
      </c>
      <c r="BW158" s="109">
        <f t="shared" si="32"/>
        <v>58.383594692400486</v>
      </c>
      <c r="BX158" s="114">
        <v>770</v>
      </c>
      <c r="BY158" s="115">
        <v>779</v>
      </c>
      <c r="BZ158" s="115">
        <v>474</v>
      </c>
      <c r="CA158" s="115">
        <v>474</v>
      </c>
      <c r="CB158" s="111">
        <f t="shared" si="33"/>
        <v>61.558441558441558</v>
      </c>
      <c r="CC158" s="111">
        <f t="shared" si="34"/>
        <v>60.847240051347882</v>
      </c>
      <c r="CD158" s="116">
        <v>742</v>
      </c>
      <c r="CE158" s="115">
        <v>751</v>
      </c>
      <c r="CF158" s="115">
        <v>457</v>
      </c>
      <c r="CG158" s="115">
        <v>457</v>
      </c>
      <c r="CH158" s="111">
        <f t="shared" si="35"/>
        <v>61.590296495956878</v>
      </c>
      <c r="CI158" s="111">
        <f t="shared" si="36"/>
        <v>60.852197070572565</v>
      </c>
      <c r="CJ158" s="116">
        <v>720</v>
      </c>
      <c r="CK158" s="115">
        <v>729</v>
      </c>
      <c r="CL158" s="115">
        <v>454</v>
      </c>
      <c r="CM158" s="115">
        <v>454</v>
      </c>
      <c r="CN158" s="111">
        <f t="shared" si="37"/>
        <v>63.055555555555557</v>
      </c>
      <c r="CO158" s="109">
        <f t="shared" si="38"/>
        <v>62.277091906721537</v>
      </c>
      <c r="CP158" s="116">
        <v>702</v>
      </c>
      <c r="CQ158" s="115">
        <v>716</v>
      </c>
      <c r="CR158" s="115">
        <v>447</v>
      </c>
      <c r="CS158" s="115">
        <v>447</v>
      </c>
      <c r="CT158" s="111">
        <f t="shared" si="39"/>
        <v>63.675213675213669</v>
      </c>
      <c r="CU158" s="117">
        <f t="shared" si="40"/>
        <v>62.430167597765362</v>
      </c>
      <c r="CV158" s="116">
        <v>663</v>
      </c>
      <c r="CW158" s="115">
        <v>680</v>
      </c>
      <c r="CX158" s="115">
        <v>428</v>
      </c>
      <c r="CY158" s="115">
        <v>428</v>
      </c>
      <c r="CZ158" s="127">
        <f t="shared" si="18"/>
        <v>64.555052790346906</v>
      </c>
      <c r="DA158" s="117">
        <f t="shared" si="19"/>
        <v>62.941176470588232</v>
      </c>
      <c r="DB158" s="116">
        <v>640</v>
      </c>
      <c r="DC158" s="115">
        <v>654</v>
      </c>
      <c r="DD158" s="115">
        <v>424</v>
      </c>
      <c r="DE158" s="115">
        <v>424</v>
      </c>
      <c r="DF158" s="127">
        <v>66.3</v>
      </c>
      <c r="DG158" s="117">
        <v>64.8</v>
      </c>
      <c r="DH158" s="116">
        <v>603</v>
      </c>
      <c r="DI158" s="115">
        <v>612</v>
      </c>
      <c r="DJ158" s="115">
        <v>406</v>
      </c>
      <c r="DK158" s="115">
        <v>406</v>
      </c>
      <c r="DL158" s="127">
        <f t="shared" si="14"/>
        <v>67.330016583747934</v>
      </c>
      <c r="DM158" s="117">
        <f t="shared" si="15"/>
        <v>66.33986928104575</v>
      </c>
      <c r="DN158" s="116">
        <v>575</v>
      </c>
      <c r="DO158" s="115">
        <v>587</v>
      </c>
      <c r="DP158" s="115">
        <v>384</v>
      </c>
      <c r="DQ158" s="115">
        <v>384</v>
      </c>
      <c r="DR158" s="127">
        <f t="shared" si="16"/>
        <v>66.782608695652186</v>
      </c>
      <c r="DS158" s="117">
        <f t="shared" si="17"/>
        <v>65.417376490630318</v>
      </c>
    </row>
    <row r="159" spans="1:123" x14ac:dyDescent="0.2">
      <c r="DR159" s="132"/>
    </row>
  </sheetData>
  <autoFilter ref="A5:CU158" xr:uid="{00000000-0009-0000-0000-000020000000}">
    <filterColumn colId="0" showButton="0"/>
  </autoFilter>
  <mergeCells count="230">
    <mergeCell ref="A141:B143"/>
    <mergeCell ref="A144:B146"/>
    <mergeCell ref="A147:B149"/>
    <mergeCell ref="A150:B152"/>
    <mergeCell ref="A153:B155"/>
    <mergeCell ref="A156:B158"/>
    <mergeCell ref="A123:B125"/>
    <mergeCell ref="A126:B128"/>
    <mergeCell ref="A129:B131"/>
    <mergeCell ref="A132:B134"/>
    <mergeCell ref="A135:B137"/>
    <mergeCell ref="A138:B140"/>
    <mergeCell ref="A105:B107"/>
    <mergeCell ref="A108:B110"/>
    <mergeCell ref="A111:B113"/>
    <mergeCell ref="A114:B116"/>
    <mergeCell ref="A117:B119"/>
    <mergeCell ref="A120:B122"/>
    <mergeCell ref="A87:B89"/>
    <mergeCell ref="A90:B92"/>
    <mergeCell ref="A93:B95"/>
    <mergeCell ref="A96:B98"/>
    <mergeCell ref="A99:B101"/>
    <mergeCell ref="A102:B104"/>
    <mergeCell ref="A69:B71"/>
    <mergeCell ref="A72:B74"/>
    <mergeCell ref="A75:B77"/>
    <mergeCell ref="A78:B80"/>
    <mergeCell ref="A81:B83"/>
    <mergeCell ref="A84:B86"/>
    <mergeCell ref="A51:B53"/>
    <mergeCell ref="A54:B56"/>
    <mergeCell ref="A57:B59"/>
    <mergeCell ref="A60:B62"/>
    <mergeCell ref="A63:B65"/>
    <mergeCell ref="A66:B68"/>
    <mergeCell ref="B33:B35"/>
    <mergeCell ref="B36:B38"/>
    <mergeCell ref="B39:B41"/>
    <mergeCell ref="B42:B44"/>
    <mergeCell ref="A45:B47"/>
    <mergeCell ref="A48:B50"/>
    <mergeCell ref="B15:B17"/>
    <mergeCell ref="B18:B20"/>
    <mergeCell ref="B21:B23"/>
    <mergeCell ref="B24:B26"/>
    <mergeCell ref="B27:B29"/>
    <mergeCell ref="B30:B32"/>
    <mergeCell ref="CP4:CQ4"/>
    <mergeCell ref="CR4:CS4"/>
    <mergeCell ref="CT4:CU4"/>
    <mergeCell ref="A6:B8"/>
    <mergeCell ref="A9:B11"/>
    <mergeCell ref="A12:B14"/>
    <mergeCell ref="CD4:CE4"/>
    <mergeCell ref="CF4:CG4"/>
    <mergeCell ref="CH4:CI4"/>
    <mergeCell ref="CJ4:CK4"/>
    <mergeCell ref="CL4:CM4"/>
    <mergeCell ref="CN4:CO4"/>
    <mergeCell ref="BR4:BS4"/>
    <mergeCell ref="BT4:BU4"/>
    <mergeCell ref="BV4:BW4"/>
    <mergeCell ref="BX4:BY4"/>
    <mergeCell ref="BZ4:CA4"/>
    <mergeCell ref="CB4:CC4"/>
    <mergeCell ref="BF4:BG4"/>
    <mergeCell ref="BH4:BI4"/>
    <mergeCell ref="BJ4:BK4"/>
    <mergeCell ref="BL4:BM4"/>
    <mergeCell ref="BN4:BO4"/>
    <mergeCell ref="BP4:BQ4"/>
    <mergeCell ref="AZ4:AZ5"/>
    <mergeCell ref="BA4:BA5"/>
    <mergeCell ref="BB4:BB5"/>
    <mergeCell ref="BC4:BC5"/>
    <mergeCell ref="BD4:BD5"/>
    <mergeCell ref="BE4:BE5"/>
    <mergeCell ref="AT4:AT5"/>
    <mergeCell ref="AU4:AU5"/>
    <mergeCell ref="AV4:AV5"/>
    <mergeCell ref="AW4:AW5"/>
    <mergeCell ref="AX4:AX5"/>
    <mergeCell ref="AY4:AY5"/>
    <mergeCell ref="AO4:AO5"/>
    <mergeCell ref="AP4:AP5"/>
    <mergeCell ref="AQ4:AQ5"/>
    <mergeCell ref="AR4:AR5"/>
    <mergeCell ref="AS4:AS5"/>
    <mergeCell ref="AH4:AH5"/>
    <mergeCell ref="AI4:AI5"/>
    <mergeCell ref="AJ4:AJ5"/>
    <mergeCell ref="AK4:AK5"/>
    <mergeCell ref="AL4:AL5"/>
    <mergeCell ref="AM4:AM5"/>
    <mergeCell ref="AF4:AF5"/>
    <mergeCell ref="AG4:AG5"/>
    <mergeCell ref="V4:V5"/>
    <mergeCell ref="W4:W5"/>
    <mergeCell ref="X4:X5"/>
    <mergeCell ref="Y4:Y5"/>
    <mergeCell ref="Z4:Z5"/>
    <mergeCell ref="AA4:AA5"/>
    <mergeCell ref="AN4:AN5"/>
    <mergeCell ref="K4:K5"/>
    <mergeCell ref="L4:L5"/>
    <mergeCell ref="M4:M5"/>
    <mergeCell ref="N4:N5"/>
    <mergeCell ref="O4:O5"/>
    <mergeCell ref="AB4:AB5"/>
    <mergeCell ref="AC4:AC5"/>
    <mergeCell ref="AD4:AD5"/>
    <mergeCell ref="AE4:AE5"/>
    <mergeCell ref="A4:B5"/>
    <mergeCell ref="C4:C5"/>
    <mergeCell ref="D4:D5"/>
    <mergeCell ref="E4:E5"/>
    <mergeCell ref="F4:F5"/>
    <mergeCell ref="G4:G5"/>
    <mergeCell ref="H4:H5"/>
    <mergeCell ref="I4:I5"/>
    <mergeCell ref="BC3:BE3"/>
    <mergeCell ref="AK3:AM3"/>
    <mergeCell ref="AN3:AP3"/>
    <mergeCell ref="AQ3:AS3"/>
    <mergeCell ref="AT3:AV3"/>
    <mergeCell ref="AW3:AY3"/>
    <mergeCell ref="AZ3:BB3"/>
    <mergeCell ref="S3:U3"/>
    <mergeCell ref="V3:X3"/>
    <mergeCell ref="P4:P5"/>
    <mergeCell ref="Q4:Q5"/>
    <mergeCell ref="R4:R5"/>
    <mergeCell ref="S4:S5"/>
    <mergeCell ref="T4:T5"/>
    <mergeCell ref="U4:U5"/>
    <mergeCell ref="J4:J5"/>
    <mergeCell ref="CP2:CU2"/>
    <mergeCell ref="BC2:BE2"/>
    <mergeCell ref="Y3:AA3"/>
    <mergeCell ref="AB3:AD3"/>
    <mergeCell ref="AE3:AG3"/>
    <mergeCell ref="AH3:AJ3"/>
    <mergeCell ref="A3:C3"/>
    <mergeCell ref="D3:F3"/>
    <mergeCell ref="G3:I3"/>
    <mergeCell ref="J3:L3"/>
    <mergeCell ref="M3:O3"/>
    <mergeCell ref="P3:R3"/>
    <mergeCell ref="CJ3:CO3"/>
    <mergeCell ref="CP3:CU3"/>
    <mergeCell ref="BF3:BK3"/>
    <mergeCell ref="BL3:BQ3"/>
    <mergeCell ref="BR3:BW3"/>
    <mergeCell ref="BX3:CC3"/>
    <mergeCell ref="CD3:CI3"/>
    <mergeCell ref="CJ1:CO1"/>
    <mergeCell ref="BF2:BK2"/>
    <mergeCell ref="CP1:CU1"/>
    <mergeCell ref="A2:C2"/>
    <mergeCell ref="D2:F2"/>
    <mergeCell ref="G2:I2"/>
    <mergeCell ref="J2:L2"/>
    <mergeCell ref="M2:O2"/>
    <mergeCell ref="P2:R2"/>
    <mergeCell ref="S2:U2"/>
    <mergeCell ref="V2:X2"/>
    <mergeCell ref="BC1:BE1"/>
    <mergeCell ref="BF1:BK1"/>
    <mergeCell ref="BL1:BQ1"/>
    <mergeCell ref="BR1:BW1"/>
    <mergeCell ref="BX1:CC1"/>
    <mergeCell ref="CD1:CI1"/>
    <mergeCell ref="AK1:AM1"/>
    <mergeCell ref="AN1:AP1"/>
    <mergeCell ref="BL2:BQ2"/>
    <mergeCell ref="BR2:BW2"/>
    <mergeCell ref="BX2:CC2"/>
    <mergeCell ref="CD2:CI2"/>
    <mergeCell ref="CJ2:CO2"/>
    <mergeCell ref="AZ1:BB1"/>
    <mergeCell ref="S1:U1"/>
    <mergeCell ref="V1:X1"/>
    <mergeCell ref="Y1:AA1"/>
    <mergeCell ref="AB1:AD1"/>
    <mergeCell ref="AE1:AG1"/>
    <mergeCell ref="AH1:AJ1"/>
    <mergeCell ref="Y2:AA2"/>
    <mergeCell ref="AB2:AD2"/>
    <mergeCell ref="AE2:AG2"/>
    <mergeCell ref="AH2:AJ2"/>
    <mergeCell ref="AK2:AM2"/>
    <mergeCell ref="AN2:AP2"/>
    <mergeCell ref="AQ2:AS2"/>
    <mergeCell ref="AT2:AV2"/>
    <mergeCell ref="AW2:AY2"/>
    <mergeCell ref="AZ2:BB2"/>
    <mergeCell ref="A1:C1"/>
    <mergeCell ref="D1:F1"/>
    <mergeCell ref="G1:I1"/>
    <mergeCell ref="J1:L1"/>
    <mergeCell ref="M1:O1"/>
    <mergeCell ref="P1:R1"/>
    <mergeCell ref="AQ1:AS1"/>
    <mergeCell ref="AT1:AV1"/>
    <mergeCell ref="AW1:AY1"/>
    <mergeCell ref="DN1:DS1"/>
    <mergeCell ref="DN2:DS2"/>
    <mergeCell ref="DN3:DS3"/>
    <mergeCell ref="DN4:DO4"/>
    <mergeCell ref="DP4:DQ4"/>
    <mergeCell ref="DR4:DS4"/>
    <mergeCell ref="CV1:DA1"/>
    <mergeCell ref="CV2:DA2"/>
    <mergeCell ref="CV3:DA3"/>
    <mergeCell ref="CV4:CW4"/>
    <mergeCell ref="CX4:CY4"/>
    <mergeCell ref="CZ4:DA4"/>
    <mergeCell ref="DB1:DG1"/>
    <mergeCell ref="DB2:DG2"/>
    <mergeCell ref="DB3:DG3"/>
    <mergeCell ref="DB4:DC4"/>
    <mergeCell ref="DD4:DE4"/>
    <mergeCell ref="DF4:DG4"/>
    <mergeCell ref="DH1:DM1"/>
    <mergeCell ref="DH2:DM2"/>
    <mergeCell ref="DH3:DM3"/>
    <mergeCell ref="DH4:DI4"/>
    <mergeCell ref="DJ4:DK4"/>
    <mergeCell ref="DL4:DM4"/>
  </mergeCells>
  <phoneticPr fontId="2"/>
  <pageMargins left="1.1023622047244095" right="0.31496062992125984" top="0.74803149606299213" bottom="0.35433070866141736" header="0.31496062992125984" footer="0.31496062992125984"/>
  <pageSetup paperSize="8" scale="70" fitToWidth="0" fitToHeight="0" pageOrder="overThenDown" orientation="landscape" r:id="rId1"/>
  <headerFooter>
    <oddHeader>&amp;L&amp;14 ５　全道の市及び管内町村の高齢化推移&amp;R資料：総務省「住民基本台帳に基づく人口、人口動態及び世帯数」、石狩市人口構造表</oddHeader>
  </headerFooter>
  <rowBreaks count="2" manualBreakCount="2">
    <brk id="59" max="16383" man="1"/>
    <brk id="113" max="16383" man="1"/>
  </rowBreaks>
  <colBreaks count="5" manualBreakCount="5">
    <brk id="21" max="1048575" man="1"/>
    <brk id="39" max="1048575" man="1"/>
    <brk id="57" max="1048575" man="1"/>
    <brk id="75" max="1048575" man="1"/>
    <brk id="9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５高齢化推移</vt:lpstr>
      <vt:lpstr>'５高齢化推移'!Print_Area</vt:lpstr>
      <vt:lpstr>'５高齢化推移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05T04:20:46Z</cp:lastPrinted>
  <dcterms:created xsi:type="dcterms:W3CDTF">1998-06-29T02:15:18Z</dcterms:created>
  <dcterms:modified xsi:type="dcterms:W3CDTF">2023-08-01T00:33:02Z</dcterms:modified>
</cp:coreProperties>
</file>